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050407\Desktop\新しいフォルダー\"/>
    </mc:Choice>
  </mc:AlternateContent>
  <bookViews>
    <workbookView xWindow="0" yWindow="0" windowWidth="15345" windowHeight="6735"/>
  </bookViews>
  <sheets>
    <sheet name="H29.1.1訪問看護" sheetId="2" r:id="rId1"/>
  </sheets>
  <definedNames>
    <definedName name="_xlnm._FilterDatabase" localSheetId="0" hidden="1">H29.1.1訪問看護!$A$1:$E$1</definedName>
    <definedName name="_xlnm.Print_Titles" localSheetId="0">H29.1.1訪問看護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779" uniqueCount="3426">
  <si>
    <t>530-0047</t>
  </si>
  <si>
    <t>534-0027</t>
  </si>
  <si>
    <t>534-0021</t>
  </si>
  <si>
    <t>553-0002</t>
  </si>
  <si>
    <t>554-0021</t>
  </si>
  <si>
    <t>554-0012</t>
  </si>
  <si>
    <t>556-0005</t>
  </si>
  <si>
    <t>542-0062</t>
  </si>
  <si>
    <t>540-0004</t>
  </si>
  <si>
    <t>555-0012</t>
  </si>
  <si>
    <t>555-0032</t>
  </si>
  <si>
    <t>532-0011</t>
  </si>
  <si>
    <t>533-0013</t>
  </si>
  <si>
    <t>537-0021</t>
  </si>
  <si>
    <t>544-0033</t>
  </si>
  <si>
    <t>544-0013</t>
  </si>
  <si>
    <t>536-0001</t>
  </si>
  <si>
    <t>545-0021</t>
  </si>
  <si>
    <t>545-0001</t>
  </si>
  <si>
    <t>559-0003</t>
  </si>
  <si>
    <t>559-0001</t>
  </si>
  <si>
    <t>559-0016</t>
  </si>
  <si>
    <t>559-0012</t>
  </si>
  <si>
    <t>559-0006</t>
  </si>
  <si>
    <t>546-0014</t>
  </si>
  <si>
    <t>547-0024</t>
  </si>
  <si>
    <t>557-0052</t>
  </si>
  <si>
    <t>557-0042</t>
  </si>
  <si>
    <t>区名</t>
    <rPh sb="0" eb="1">
      <t>ク</t>
    </rPh>
    <rPh sb="1" eb="2">
      <t>ナ</t>
    </rPh>
    <phoneticPr fontId="2"/>
  </si>
  <si>
    <t>医療機関コード</t>
    <rPh sb="0" eb="2">
      <t>イリョウ</t>
    </rPh>
    <rPh sb="2" eb="4">
      <t>キカン</t>
    </rPh>
    <phoneticPr fontId="2"/>
  </si>
  <si>
    <t>保険薬局名称</t>
    <rPh sb="0" eb="2">
      <t>ホケン</t>
    </rPh>
    <rPh sb="2" eb="4">
      <t>ヤッキョク</t>
    </rPh>
    <rPh sb="4" eb="6">
      <t>メイショウ</t>
    </rPh>
    <phoneticPr fontId="2"/>
  </si>
  <si>
    <t>郵便番号</t>
    <rPh sb="0" eb="2">
      <t>ユウビン</t>
    </rPh>
    <rPh sb="2" eb="4">
      <t>バンゴウ</t>
    </rPh>
    <phoneticPr fontId="2"/>
  </si>
  <si>
    <t>保険薬局所在地</t>
    <rPh sb="0" eb="2">
      <t>ホケン</t>
    </rPh>
    <rPh sb="2" eb="4">
      <t>ヤッキョク</t>
    </rPh>
    <rPh sb="4" eb="7">
      <t>ショザイチ</t>
    </rPh>
    <phoneticPr fontId="2"/>
  </si>
  <si>
    <t>530-0041</t>
  </si>
  <si>
    <t>4101045</t>
  </si>
  <si>
    <t>530-0001</t>
  </si>
  <si>
    <t>530-0023</t>
  </si>
  <si>
    <t>530-0027</t>
  </si>
  <si>
    <t>531-0041</t>
  </si>
  <si>
    <t>530-0012</t>
  </si>
  <si>
    <t>530-0026</t>
  </si>
  <si>
    <t>531-0076</t>
  </si>
  <si>
    <t>531-0063</t>
  </si>
  <si>
    <t>530-6002</t>
  </si>
  <si>
    <t>530-0002</t>
  </si>
  <si>
    <t>やすらぎ桜橋薬局</t>
  </si>
  <si>
    <t>530-0035</t>
  </si>
  <si>
    <t>530-0024</t>
  </si>
  <si>
    <t>530-0016</t>
  </si>
  <si>
    <t>4102738</t>
  </si>
  <si>
    <t>530-0033</t>
  </si>
  <si>
    <t>530-0013</t>
  </si>
  <si>
    <t>530-0005</t>
  </si>
  <si>
    <t>530-0017</t>
  </si>
  <si>
    <t>北区角田町８－４７　
グランドビル　２３階</t>
  </si>
  <si>
    <t>530-0021</t>
  </si>
  <si>
    <t>531-0072</t>
  </si>
  <si>
    <t>大淀アイ薬局</t>
  </si>
  <si>
    <t>531-0021</t>
  </si>
  <si>
    <t>4103132</t>
  </si>
  <si>
    <t>531-0071</t>
  </si>
  <si>
    <t>4103157</t>
  </si>
  <si>
    <t>4103322</t>
  </si>
  <si>
    <t>4103504</t>
  </si>
  <si>
    <t>4103512</t>
  </si>
  <si>
    <t>4103520</t>
  </si>
  <si>
    <t>4103538</t>
  </si>
  <si>
    <t>4103546</t>
  </si>
  <si>
    <t>4103561</t>
  </si>
  <si>
    <t>4103579</t>
  </si>
  <si>
    <t>4103595</t>
  </si>
  <si>
    <t>531-0074</t>
  </si>
  <si>
    <t>4103603</t>
  </si>
  <si>
    <t>4103611</t>
  </si>
  <si>
    <t>536-0016</t>
  </si>
  <si>
    <t>4103629</t>
  </si>
  <si>
    <t>4103637</t>
  </si>
  <si>
    <t>530-0011</t>
  </si>
  <si>
    <t>4103652</t>
  </si>
  <si>
    <t>531-0062</t>
  </si>
  <si>
    <t>4103678</t>
  </si>
  <si>
    <t>530-0003</t>
  </si>
  <si>
    <t>4103751</t>
  </si>
  <si>
    <t>4103785</t>
  </si>
  <si>
    <t>531-0073</t>
  </si>
  <si>
    <t>4103793</t>
  </si>
  <si>
    <t>4103796</t>
  </si>
  <si>
    <t>534-0024</t>
  </si>
  <si>
    <t>天豊堂薬局</t>
  </si>
  <si>
    <t>534-0023</t>
  </si>
  <si>
    <t>534-0015</t>
  </si>
  <si>
    <t>534-0022</t>
  </si>
  <si>
    <t>534-0014</t>
  </si>
  <si>
    <t>534-0002</t>
  </si>
  <si>
    <t>534-0011</t>
  </si>
  <si>
    <t>534-0016</t>
  </si>
  <si>
    <t>キリン堂薬局　都島店</t>
  </si>
  <si>
    <t>5201596</t>
  </si>
  <si>
    <t>534-0013</t>
  </si>
  <si>
    <t>534-0001</t>
  </si>
  <si>
    <t>スギ薬局　都島友渕店</t>
  </si>
  <si>
    <t>マルゼン薬局</t>
  </si>
  <si>
    <t>5201687</t>
  </si>
  <si>
    <t>5201711</t>
  </si>
  <si>
    <t>5201729</t>
  </si>
  <si>
    <t>5201737</t>
  </si>
  <si>
    <t>5201752</t>
  </si>
  <si>
    <t>5201778</t>
  </si>
  <si>
    <t>5201786</t>
  </si>
  <si>
    <t>5201794</t>
  </si>
  <si>
    <t>5201828</t>
  </si>
  <si>
    <t>5201836</t>
  </si>
  <si>
    <t>5201935</t>
  </si>
  <si>
    <t>534-0025</t>
  </si>
  <si>
    <t>5201943</t>
  </si>
  <si>
    <t>5201950</t>
  </si>
  <si>
    <t>5201968</t>
  </si>
  <si>
    <t>0200627</t>
  </si>
  <si>
    <t>553-0003</t>
  </si>
  <si>
    <t>0200759</t>
  </si>
  <si>
    <t>553-0007</t>
  </si>
  <si>
    <t>0200825</t>
  </si>
  <si>
    <t>0200866</t>
  </si>
  <si>
    <t>0200940</t>
  </si>
  <si>
    <t>553-0001</t>
  </si>
  <si>
    <t>0200957</t>
  </si>
  <si>
    <t>0201013</t>
  </si>
  <si>
    <t>0201062</t>
  </si>
  <si>
    <t>553-0005</t>
  </si>
  <si>
    <t>0201070</t>
  </si>
  <si>
    <t>0201096</t>
  </si>
  <si>
    <t>0201195</t>
  </si>
  <si>
    <t>0201211</t>
  </si>
  <si>
    <t>0201260</t>
  </si>
  <si>
    <t>0201294</t>
  </si>
  <si>
    <t>0201328</t>
  </si>
  <si>
    <t>0201369</t>
  </si>
  <si>
    <t>0201385</t>
  </si>
  <si>
    <t>0201393</t>
  </si>
  <si>
    <t>0201435</t>
  </si>
  <si>
    <t>0201450</t>
  </si>
  <si>
    <t>0201484</t>
  </si>
  <si>
    <t>0201518</t>
  </si>
  <si>
    <t>553-0006</t>
  </si>
  <si>
    <t>0201534</t>
  </si>
  <si>
    <t>0201542</t>
  </si>
  <si>
    <t>0201575</t>
  </si>
  <si>
    <t>0201583</t>
  </si>
  <si>
    <t>0201617</t>
  </si>
  <si>
    <t>0201633</t>
  </si>
  <si>
    <t>0201641</t>
  </si>
  <si>
    <t>0201658</t>
  </si>
  <si>
    <t>0201666</t>
  </si>
  <si>
    <t>0201674</t>
  </si>
  <si>
    <t>0201716</t>
  </si>
  <si>
    <t>0201732</t>
  </si>
  <si>
    <t>0201740</t>
  </si>
  <si>
    <t>0201765</t>
  </si>
  <si>
    <t>新光堂薬局</t>
  </si>
  <si>
    <t>554-0014</t>
  </si>
  <si>
    <t>554-0002</t>
  </si>
  <si>
    <t>クオレ薬局</t>
  </si>
  <si>
    <t>554-0051</t>
  </si>
  <si>
    <t>2800788</t>
  </si>
  <si>
    <t>554-0022</t>
  </si>
  <si>
    <t>2800861</t>
  </si>
  <si>
    <t>554-0013</t>
  </si>
  <si>
    <t>554-0001</t>
  </si>
  <si>
    <t>2800929</t>
  </si>
  <si>
    <t>2800937</t>
  </si>
  <si>
    <t>554-0024</t>
  </si>
  <si>
    <t>2800994</t>
  </si>
  <si>
    <t>2801000</t>
  </si>
  <si>
    <t>541-0046</t>
  </si>
  <si>
    <t>542-0012</t>
  </si>
  <si>
    <t>542-0063</t>
  </si>
  <si>
    <t>542-0073</t>
  </si>
  <si>
    <t>542-0081</t>
  </si>
  <si>
    <t>540-0025</t>
  </si>
  <si>
    <t>542-0084</t>
  </si>
  <si>
    <t>541-0045</t>
  </si>
  <si>
    <t>542-0076</t>
  </si>
  <si>
    <t>さくら薬局</t>
  </si>
  <si>
    <t>542-0067</t>
  </si>
  <si>
    <t>540-0012</t>
  </si>
  <si>
    <t>542-0082</t>
  </si>
  <si>
    <t>のぞみ薬局</t>
  </si>
  <si>
    <t>541-0042</t>
  </si>
  <si>
    <t>540-0019</t>
  </si>
  <si>
    <t>541-0052</t>
  </si>
  <si>
    <t>541-0056</t>
  </si>
  <si>
    <t>541-0051</t>
  </si>
  <si>
    <t>540-0008</t>
  </si>
  <si>
    <t>540-0005</t>
  </si>
  <si>
    <t>542-0083</t>
  </si>
  <si>
    <t>541-0041</t>
  </si>
  <si>
    <t>540-0026</t>
  </si>
  <si>
    <t>541-0053</t>
  </si>
  <si>
    <t>540-0036</t>
  </si>
  <si>
    <t>9402349</t>
  </si>
  <si>
    <t>541-0054</t>
  </si>
  <si>
    <t>9402380</t>
  </si>
  <si>
    <t>541-0048</t>
  </si>
  <si>
    <t>9402398</t>
  </si>
  <si>
    <t>540-0013</t>
  </si>
  <si>
    <t>9402448</t>
  </si>
  <si>
    <t>540-0003</t>
  </si>
  <si>
    <t>9402455</t>
  </si>
  <si>
    <t>541-0057</t>
  </si>
  <si>
    <t>9402463</t>
  </si>
  <si>
    <t>9402471</t>
  </si>
  <si>
    <t>9402489</t>
  </si>
  <si>
    <t>542-0061</t>
  </si>
  <si>
    <t>541-0043</t>
  </si>
  <si>
    <t>542-0072</t>
  </si>
  <si>
    <t>541-0058</t>
  </si>
  <si>
    <t>541-0047</t>
  </si>
  <si>
    <t>9402679</t>
  </si>
  <si>
    <t>9402687</t>
  </si>
  <si>
    <t>541-0044</t>
  </si>
  <si>
    <t>9402695</t>
  </si>
  <si>
    <t>9402703</t>
  </si>
  <si>
    <t>9402711</t>
  </si>
  <si>
    <t>9402729</t>
  </si>
  <si>
    <t>9402802</t>
  </si>
  <si>
    <t>9402810</t>
  </si>
  <si>
    <t>9402828</t>
  </si>
  <si>
    <t>9402844</t>
  </si>
  <si>
    <t>550-0027</t>
  </si>
  <si>
    <t>550-0014</t>
  </si>
  <si>
    <t>550-0003</t>
  </si>
  <si>
    <t>550-0015</t>
  </si>
  <si>
    <t>カイセイ薬局</t>
  </si>
  <si>
    <t>550-0024</t>
  </si>
  <si>
    <t>550-0012</t>
  </si>
  <si>
    <t>550-0005</t>
  </si>
  <si>
    <t>550-0002</t>
  </si>
  <si>
    <t>550-0022</t>
  </si>
  <si>
    <t>キララ薬局</t>
  </si>
  <si>
    <t>1801597</t>
  </si>
  <si>
    <t>550-0013</t>
  </si>
  <si>
    <t>クローバー薬局</t>
  </si>
  <si>
    <t>550-0025</t>
  </si>
  <si>
    <t>1801761</t>
  </si>
  <si>
    <t>1801779</t>
  </si>
  <si>
    <t>550-0023</t>
  </si>
  <si>
    <t>1801860</t>
  </si>
  <si>
    <t>1801878</t>
  </si>
  <si>
    <t>1801886</t>
  </si>
  <si>
    <t>1801894</t>
  </si>
  <si>
    <t>1801910</t>
  </si>
  <si>
    <t>1801944</t>
  </si>
  <si>
    <t>1801969</t>
  </si>
  <si>
    <t>0400458</t>
  </si>
  <si>
    <t>552-0014</t>
  </si>
  <si>
    <t>0400516</t>
  </si>
  <si>
    <t>0400870</t>
  </si>
  <si>
    <t>552-0007</t>
  </si>
  <si>
    <t>0401019</t>
  </si>
  <si>
    <t>エンド薬局</t>
  </si>
  <si>
    <t>552-0012</t>
  </si>
  <si>
    <t>0401076</t>
  </si>
  <si>
    <t>552-0016</t>
  </si>
  <si>
    <t>0401092</t>
  </si>
  <si>
    <t>552-0004</t>
  </si>
  <si>
    <t>0401118</t>
  </si>
  <si>
    <t>552-0021</t>
  </si>
  <si>
    <t>0401126</t>
  </si>
  <si>
    <t>0401134</t>
  </si>
  <si>
    <t>552-0023</t>
  </si>
  <si>
    <t>0401142</t>
  </si>
  <si>
    <t>0401175</t>
  </si>
  <si>
    <t>0401183</t>
  </si>
  <si>
    <t>0401191</t>
  </si>
  <si>
    <t>0401209</t>
  </si>
  <si>
    <t>0401233</t>
  </si>
  <si>
    <t>0401258</t>
  </si>
  <si>
    <t>0401266</t>
  </si>
  <si>
    <t>552-0015</t>
  </si>
  <si>
    <t>0401282</t>
  </si>
  <si>
    <t>0401316</t>
  </si>
  <si>
    <t>552-0001</t>
  </si>
  <si>
    <t>0401324</t>
  </si>
  <si>
    <t>0401332</t>
  </si>
  <si>
    <t>0401340</t>
  </si>
  <si>
    <t>0401373</t>
  </si>
  <si>
    <t>0401381</t>
  </si>
  <si>
    <t>0401399</t>
  </si>
  <si>
    <t>0401407</t>
  </si>
  <si>
    <t>0401423</t>
  </si>
  <si>
    <t>552-0003</t>
  </si>
  <si>
    <t>0401431</t>
  </si>
  <si>
    <t>0401449</t>
  </si>
  <si>
    <t>0401456</t>
  </si>
  <si>
    <t>0401464</t>
  </si>
  <si>
    <t>551-0003</t>
  </si>
  <si>
    <t>551-0023</t>
  </si>
  <si>
    <t>551-0031</t>
  </si>
  <si>
    <t>551-0001</t>
  </si>
  <si>
    <t>551-0013</t>
  </si>
  <si>
    <t>551-0012</t>
  </si>
  <si>
    <t>551-0002</t>
  </si>
  <si>
    <t>551-0032</t>
  </si>
  <si>
    <t>そうごう薬局　大正店</t>
  </si>
  <si>
    <t>2701127</t>
  </si>
  <si>
    <t>2701135</t>
  </si>
  <si>
    <t>2701150</t>
  </si>
  <si>
    <t>2701168</t>
  </si>
  <si>
    <t>551-0021</t>
  </si>
  <si>
    <t>2701200</t>
  </si>
  <si>
    <t>2701218</t>
  </si>
  <si>
    <t>2701226</t>
  </si>
  <si>
    <t>2701234</t>
  </si>
  <si>
    <t>543-0056</t>
  </si>
  <si>
    <t>543-0043</t>
  </si>
  <si>
    <t>543-0002</t>
  </si>
  <si>
    <t>543-0031</t>
  </si>
  <si>
    <t>543-0041</t>
  </si>
  <si>
    <t>543-0071</t>
  </si>
  <si>
    <t>543-0042</t>
  </si>
  <si>
    <t>543-0072</t>
  </si>
  <si>
    <t>543-0033</t>
  </si>
  <si>
    <t>543-0021</t>
  </si>
  <si>
    <t>1701458</t>
  </si>
  <si>
    <t>543-0027</t>
  </si>
  <si>
    <t>543-0051</t>
  </si>
  <si>
    <t>543-0045</t>
  </si>
  <si>
    <t>543-0023</t>
  </si>
  <si>
    <t>543-0052</t>
  </si>
  <si>
    <t>1701821</t>
  </si>
  <si>
    <t>1701839</t>
  </si>
  <si>
    <t>543-0025</t>
  </si>
  <si>
    <t>543-0001</t>
  </si>
  <si>
    <t>543-0055</t>
  </si>
  <si>
    <t>1701938</t>
  </si>
  <si>
    <t>543-0014</t>
  </si>
  <si>
    <t>1701961</t>
  </si>
  <si>
    <t>1702043</t>
  </si>
  <si>
    <t>1702068</t>
  </si>
  <si>
    <t>1702209</t>
  </si>
  <si>
    <t>543-0018</t>
  </si>
  <si>
    <t>1702233</t>
  </si>
  <si>
    <t>1702282</t>
  </si>
  <si>
    <t>556-0016</t>
  </si>
  <si>
    <t>556-0011</t>
  </si>
  <si>
    <t>556-0006</t>
  </si>
  <si>
    <t>4300571</t>
  </si>
  <si>
    <t>556-0015</t>
  </si>
  <si>
    <t>556-0024</t>
  </si>
  <si>
    <t>556-0014</t>
  </si>
  <si>
    <t>556-0026</t>
  </si>
  <si>
    <t>556-0023</t>
  </si>
  <si>
    <t>4300985</t>
  </si>
  <si>
    <t>4300993</t>
  </si>
  <si>
    <t>556-0003</t>
  </si>
  <si>
    <t>556-0022</t>
  </si>
  <si>
    <t>556-0013</t>
  </si>
  <si>
    <t>4301140</t>
  </si>
  <si>
    <t>556-0002</t>
  </si>
  <si>
    <t>556-0017</t>
  </si>
  <si>
    <t>4301256</t>
  </si>
  <si>
    <t>556-0021</t>
  </si>
  <si>
    <t>4301298</t>
  </si>
  <si>
    <t>4301405</t>
  </si>
  <si>
    <t>4301413</t>
  </si>
  <si>
    <t>4301439</t>
  </si>
  <si>
    <t>4301447</t>
  </si>
  <si>
    <t>556-0025</t>
  </si>
  <si>
    <t>555-0001</t>
  </si>
  <si>
    <t>555-0024</t>
  </si>
  <si>
    <t>555-0033</t>
  </si>
  <si>
    <t>555-0025</t>
  </si>
  <si>
    <t>555-0022</t>
  </si>
  <si>
    <t>555-0013</t>
  </si>
  <si>
    <t>555-0043</t>
  </si>
  <si>
    <t>1001388</t>
  </si>
  <si>
    <t>1001503</t>
  </si>
  <si>
    <t>555-0034</t>
  </si>
  <si>
    <t>1001610</t>
  </si>
  <si>
    <t>1001628</t>
  </si>
  <si>
    <t>うさぎファーマシー</t>
  </si>
  <si>
    <t>1001644</t>
  </si>
  <si>
    <t>555-0021</t>
  </si>
  <si>
    <t>532-0024</t>
  </si>
  <si>
    <t>532-0033</t>
  </si>
  <si>
    <t>532-0002</t>
  </si>
  <si>
    <t>532-0003</t>
  </si>
  <si>
    <t>532-0006</t>
  </si>
  <si>
    <t>532-0026</t>
  </si>
  <si>
    <t>532-0032</t>
  </si>
  <si>
    <t>9101677</t>
  </si>
  <si>
    <t>532-0023</t>
  </si>
  <si>
    <t>9101974</t>
  </si>
  <si>
    <t>532-0004</t>
  </si>
  <si>
    <t>532-0034</t>
  </si>
  <si>
    <t>532-0005</t>
  </si>
  <si>
    <t>スマイル薬局　東三国店</t>
  </si>
  <si>
    <t>かえで薬局</t>
  </si>
  <si>
    <t>532-0013</t>
  </si>
  <si>
    <t>9102576</t>
  </si>
  <si>
    <t>9102592</t>
  </si>
  <si>
    <t>532-0012</t>
  </si>
  <si>
    <t>9102717</t>
  </si>
  <si>
    <t>9102758</t>
  </si>
  <si>
    <t>9102782</t>
  </si>
  <si>
    <t>532-0028</t>
  </si>
  <si>
    <t>9102816</t>
  </si>
  <si>
    <t>9102840</t>
  </si>
  <si>
    <t>532-0031</t>
  </si>
  <si>
    <t>9102964</t>
  </si>
  <si>
    <t>9102972</t>
  </si>
  <si>
    <t>9102998</t>
  </si>
  <si>
    <t>9103004</t>
  </si>
  <si>
    <t>9103012</t>
  </si>
  <si>
    <t>532-0036</t>
  </si>
  <si>
    <t>9103046</t>
  </si>
  <si>
    <t>533-0022</t>
  </si>
  <si>
    <t>533-0006</t>
  </si>
  <si>
    <t>533-0005</t>
  </si>
  <si>
    <t>533-0003</t>
  </si>
  <si>
    <t>533-0031</t>
  </si>
  <si>
    <t>533-0014</t>
  </si>
  <si>
    <t>みのり薬局</t>
  </si>
  <si>
    <t>533-0012</t>
  </si>
  <si>
    <t>東淀川区大道南３－１４－６</t>
  </si>
  <si>
    <t>3002343</t>
  </si>
  <si>
    <t>533-0004</t>
  </si>
  <si>
    <t>533-0021</t>
  </si>
  <si>
    <t>533-0001</t>
  </si>
  <si>
    <t>オリーブ薬局</t>
  </si>
  <si>
    <t>533-0007</t>
  </si>
  <si>
    <t>533-0002</t>
  </si>
  <si>
    <t>533-0032</t>
  </si>
  <si>
    <t>3002541</t>
  </si>
  <si>
    <t>3002582</t>
  </si>
  <si>
    <t>3002590</t>
  </si>
  <si>
    <t>533-0033</t>
  </si>
  <si>
    <t>3002616</t>
  </si>
  <si>
    <t>3002640</t>
  </si>
  <si>
    <t>3002673</t>
  </si>
  <si>
    <t>533-0023</t>
  </si>
  <si>
    <t>3002699</t>
  </si>
  <si>
    <t>3002731</t>
  </si>
  <si>
    <t>3002749</t>
  </si>
  <si>
    <t>533-0024</t>
  </si>
  <si>
    <t>3002764</t>
  </si>
  <si>
    <t>3002772</t>
  </si>
  <si>
    <t>3002806</t>
  </si>
  <si>
    <t>3002855</t>
  </si>
  <si>
    <t>3002863</t>
  </si>
  <si>
    <t>3002996</t>
  </si>
  <si>
    <t>3003002</t>
  </si>
  <si>
    <t>3003010</t>
  </si>
  <si>
    <t>3003028</t>
  </si>
  <si>
    <t>3003036</t>
  </si>
  <si>
    <t>3003044</t>
  </si>
  <si>
    <t>3003069</t>
  </si>
  <si>
    <t>3003085</t>
  </si>
  <si>
    <t>537-0002</t>
  </si>
  <si>
    <t>537-0014</t>
  </si>
  <si>
    <t>マキノ薬局</t>
  </si>
  <si>
    <t>537-0012</t>
  </si>
  <si>
    <t>537-0022</t>
  </si>
  <si>
    <t>537-0025</t>
  </si>
  <si>
    <t>537-0013</t>
  </si>
  <si>
    <t>537-0001</t>
  </si>
  <si>
    <t>537-0024</t>
  </si>
  <si>
    <t>1501858</t>
  </si>
  <si>
    <t>537-0011</t>
  </si>
  <si>
    <t>1501940</t>
  </si>
  <si>
    <t>1501957</t>
  </si>
  <si>
    <t>573-0013</t>
  </si>
  <si>
    <t>1502047</t>
  </si>
  <si>
    <t>537-0023</t>
  </si>
  <si>
    <t>1502054</t>
  </si>
  <si>
    <t>537-0003</t>
  </si>
  <si>
    <t>1502088</t>
  </si>
  <si>
    <t>1502112</t>
  </si>
  <si>
    <t>1502237</t>
  </si>
  <si>
    <t>1502245</t>
  </si>
  <si>
    <t>1502252</t>
  </si>
  <si>
    <t>1502286</t>
  </si>
  <si>
    <t>1502310</t>
  </si>
  <si>
    <t>544-0001</t>
  </si>
  <si>
    <t>544-0022</t>
  </si>
  <si>
    <t>544-0032</t>
  </si>
  <si>
    <t>544-0034</t>
  </si>
  <si>
    <t>544-0005</t>
  </si>
  <si>
    <t>544-0002</t>
  </si>
  <si>
    <t>544-0024</t>
  </si>
  <si>
    <t>544-0023</t>
  </si>
  <si>
    <t>544-0011</t>
  </si>
  <si>
    <t>544-0015</t>
  </si>
  <si>
    <t>544-0025</t>
  </si>
  <si>
    <t>544-0021</t>
  </si>
  <si>
    <t>544-0004</t>
  </si>
  <si>
    <t>544-0014</t>
  </si>
  <si>
    <t>544-0003</t>
  </si>
  <si>
    <t>2203157</t>
  </si>
  <si>
    <t>544-0031</t>
  </si>
  <si>
    <t>2203306</t>
  </si>
  <si>
    <t>2203314</t>
  </si>
  <si>
    <t>2203363</t>
  </si>
  <si>
    <t>2203389</t>
  </si>
  <si>
    <t>2203470</t>
  </si>
  <si>
    <t>2203512</t>
  </si>
  <si>
    <t>2203538</t>
  </si>
  <si>
    <t>2203546</t>
  </si>
  <si>
    <t>2203553</t>
  </si>
  <si>
    <t>2203561</t>
  </si>
  <si>
    <t>2203579</t>
  </si>
  <si>
    <t>2203603</t>
  </si>
  <si>
    <t>2203611</t>
  </si>
  <si>
    <t>2203629</t>
  </si>
  <si>
    <t>535-0003</t>
  </si>
  <si>
    <t>535-0031</t>
  </si>
  <si>
    <t>535-0002</t>
  </si>
  <si>
    <t>535-0005</t>
  </si>
  <si>
    <t>535-0004</t>
  </si>
  <si>
    <t>エビス薬局</t>
  </si>
  <si>
    <t>マルコ薬局</t>
  </si>
  <si>
    <t>535-0021</t>
  </si>
  <si>
    <t>小出保健堂薬局</t>
  </si>
  <si>
    <t>535-0022</t>
  </si>
  <si>
    <t>キリン堂薬局　赤川店</t>
  </si>
  <si>
    <t>スワ薬局　赤川店</t>
  </si>
  <si>
    <t>3101590</t>
  </si>
  <si>
    <t>3101640</t>
  </si>
  <si>
    <t>535-0012</t>
  </si>
  <si>
    <t>3101657</t>
  </si>
  <si>
    <t>3101681</t>
  </si>
  <si>
    <t>535-6011</t>
  </si>
  <si>
    <t>3101764</t>
  </si>
  <si>
    <t>3101772</t>
  </si>
  <si>
    <t>535-0013</t>
  </si>
  <si>
    <t>3101798</t>
  </si>
  <si>
    <t>536-0008</t>
  </si>
  <si>
    <t>536-0021</t>
  </si>
  <si>
    <t>536-0003</t>
  </si>
  <si>
    <t>536-0014</t>
  </si>
  <si>
    <t>536-0004</t>
  </si>
  <si>
    <t>536-0006</t>
  </si>
  <si>
    <t>536-0005</t>
  </si>
  <si>
    <t>清水薬局</t>
  </si>
  <si>
    <t>536-0013</t>
  </si>
  <si>
    <t>536-0023</t>
  </si>
  <si>
    <t>4401429</t>
  </si>
  <si>
    <t>536-0002</t>
  </si>
  <si>
    <t>536-0015</t>
  </si>
  <si>
    <t>536-0025</t>
  </si>
  <si>
    <t>シギノ駅前薬局</t>
  </si>
  <si>
    <t>4401775</t>
  </si>
  <si>
    <t>536-0007</t>
  </si>
  <si>
    <t>4401957</t>
  </si>
  <si>
    <t>4402070</t>
  </si>
  <si>
    <t>4402096</t>
  </si>
  <si>
    <t>4402104</t>
  </si>
  <si>
    <t>4402112</t>
  </si>
  <si>
    <t>4402120</t>
  </si>
  <si>
    <t>4402138</t>
  </si>
  <si>
    <t>4402146</t>
  </si>
  <si>
    <t>4402161</t>
  </si>
  <si>
    <t>4402195</t>
  </si>
  <si>
    <t>536-0022</t>
  </si>
  <si>
    <t>4402302</t>
  </si>
  <si>
    <t>4402310</t>
  </si>
  <si>
    <t>4402336</t>
  </si>
  <si>
    <t>4402344</t>
  </si>
  <si>
    <t>536-0024</t>
  </si>
  <si>
    <t>4402369</t>
  </si>
  <si>
    <t>538-0042</t>
  </si>
  <si>
    <t>538-0044</t>
  </si>
  <si>
    <t>538-0053</t>
  </si>
  <si>
    <t>538-0031</t>
  </si>
  <si>
    <t>538-0043</t>
  </si>
  <si>
    <t>538-0052</t>
  </si>
  <si>
    <t>9201394</t>
  </si>
  <si>
    <t>538-0051</t>
  </si>
  <si>
    <t>538-0037</t>
  </si>
  <si>
    <t>鶴見ファーマライズ薬局</t>
  </si>
  <si>
    <t>かるがも薬局　諸口店</t>
  </si>
  <si>
    <t>9201568</t>
  </si>
  <si>
    <t>9201576</t>
  </si>
  <si>
    <t>538-0054</t>
  </si>
  <si>
    <t>538-0035</t>
  </si>
  <si>
    <t>9201667</t>
  </si>
  <si>
    <t>9201675</t>
  </si>
  <si>
    <t>9201683</t>
  </si>
  <si>
    <t>545-0011</t>
  </si>
  <si>
    <t>545-0053</t>
  </si>
  <si>
    <t>545-0037</t>
  </si>
  <si>
    <t>545-0003</t>
  </si>
  <si>
    <t>545-0034</t>
  </si>
  <si>
    <t>545-0051</t>
  </si>
  <si>
    <t>545-0023</t>
  </si>
  <si>
    <t>545-0052</t>
  </si>
  <si>
    <t>ファミリー薬局</t>
  </si>
  <si>
    <t>545-0014</t>
  </si>
  <si>
    <t>545-0022</t>
  </si>
  <si>
    <t>545-0035</t>
  </si>
  <si>
    <t>2302603</t>
  </si>
  <si>
    <t>2302637</t>
  </si>
  <si>
    <t>2302652</t>
  </si>
  <si>
    <t>2302678</t>
  </si>
  <si>
    <t>2302686</t>
  </si>
  <si>
    <t>2302694</t>
  </si>
  <si>
    <t>2302702</t>
  </si>
  <si>
    <t>2302736</t>
  </si>
  <si>
    <t>2302751</t>
  </si>
  <si>
    <t>2302850</t>
  </si>
  <si>
    <t>2302868</t>
  </si>
  <si>
    <t>545-6090</t>
  </si>
  <si>
    <t>2302876</t>
  </si>
  <si>
    <t>559-0033</t>
  </si>
  <si>
    <t>559-0013</t>
  </si>
  <si>
    <t>559-0017</t>
  </si>
  <si>
    <t>559-0007</t>
  </si>
  <si>
    <t>559-0024</t>
  </si>
  <si>
    <t>559-0004</t>
  </si>
  <si>
    <t>559-0014</t>
  </si>
  <si>
    <t>西加賀屋日本薬局</t>
  </si>
  <si>
    <t>住之江区西加賀屋１－１－５３</t>
  </si>
  <si>
    <t>5902417</t>
  </si>
  <si>
    <t>559-0011</t>
  </si>
  <si>
    <t>5902516</t>
  </si>
  <si>
    <t>5902524</t>
  </si>
  <si>
    <t>5902615</t>
  </si>
  <si>
    <t>5902631</t>
  </si>
  <si>
    <t>5902722</t>
  </si>
  <si>
    <t>5902755</t>
  </si>
  <si>
    <t>5902797</t>
  </si>
  <si>
    <t>5902805</t>
  </si>
  <si>
    <t>5902813</t>
  </si>
  <si>
    <t>5902847</t>
  </si>
  <si>
    <t>5902920</t>
  </si>
  <si>
    <t>5902938</t>
  </si>
  <si>
    <t>5902979</t>
  </si>
  <si>
    <t>5903019</t>
  </si>
  <si>
    <t>5903027</t>
  </si>
  <si>
    <t>559-0005</t>
  </si>
  <si>
    <t>5903035</t>
  </si>
  <si>
    <t>559-0002</t>
  </si>
  <si>
    <t>マルテン薬局</t>
  </si>
  <si>
    <t>558-0004</t>
  </si>
  <si>
    <t>住吉区長居東二丁目１１－２１</t>
  </si>
  <si>
    <t>558-0014</t>
  </si>
  <si>
    <t>558-0043</t>
  </si>
  <si>
    <t>558-0033</t>
  </si>
  <si>
    <t>558-0013</t>
  </si>
  <si>
    <t>558-0023</t>
  </si>
  <si>
    <t>2002286</t>
  </si>
  <si>
    <t>558-0015</t>
  </si>
  <si>
    <t>2002344</t>
  </si>
  <si>
    <t>558-0041</t>
  </si>
  <si>
    <t>558-0003</t>
  </si>
  <si>
    <t>558-0011</t>
  </si>
  <si>
    <t>558-0051</t>
  </si>
  <si>
    <t>558-0054</t>
  </si>
  <si>
    <t>サンすみよし薬局</t>
  </si>
  <si>
    <t>558-0032</t>
  </si>
  <si>
    <t>558-0056</t>
  </si>
  <si>
    <t>558-0055</t>
  </si>
  <si>
    <t>2002930</t>
  </si>
  <si>
    <t>2003094</t>
  </si>
  <si>
    <t>2003110</t>
  </si>
  <si>
    <t>2003151</t>
  </si>
  <si>
    <t>2003243</t>
  </si>
  <si>
    <t>2003250</t>
  </si>
  <si>
    <t>2003292</t>
  </si>
  <si>
    <t>2003334</t>
  </si>
  <si>
    <t>2003409</t>
  </si>
  <si>
    <t>2003417</t>
  </si>
  <si>
    <t>558-0002</t>
  </si>
  <si>
    <t>2003425</t>
  </si>
  <si>
    <t>2003441</t>
  </si>
  <si>
    <t>2003458</t>
  </si>
  <si>
    <t>558-0031</t>
  </si>
  <si>
    <t>2003466</t>
  </si>
  <si>
    <t>2003474</t>
  </si>
  <si>
    <t>2003482</t>
  </si>
  <si>
    <t>2003490</t>
  </si>
  <si>
    <t>2003508</t>
  </si>
  <si>
    <t>2003516</t>
  </si>
  <si>
    <t>2003532</t>
  </si>
  <si>
    <t>2003540</t>
  </si>
  <si>
    <t>2003565</t>
  </si>
  <si>
    <t>0800780</t>
  </si>
  <si>
    <t>546-0044</t>
  </si>
  <si>
    <t>546-0022</t>
  </si>
  <si>
    <t>0801762</t>
  </si>
  <si>
    <t>さしわ薬局</t>
  </si>
  <si>
    <t>546-0042</t>
  </si>
  <si>
    <t>0801846</t>
  </si>
  <si>
    <t>546-0035</t>
  </si>
  <si>
    <t>0801960</t>
  </si>
  <si>
    <t>546-0013</t>
  </si>
  <si>
    <t>0801994</t>
  </si>
  <si>
    <t>546-0043</t>
  </si>
  <si>
    <t>0802042</t>
  </si>
  <si>
    <t>546-0031</t>
  </si>
  <si>
    <t>0802075</t>
  </si>
  <si>
    <t>546-0003</t>
  </si>
  <si>
    <t>0802224</t>
  </si>
  <si>
    <t>546-0002</t>
  </si>
  <si>
    <t>0802240</t>
  </si>
  <si>
    <t>0802281</t>
  </si>
  <si>
    <t>0802356</t>
  </si>
  <si>
    <t>0802380</t>
  </si>
  <si>
    <t>546-0021</t>
  </si>
  <si>
    <t>0802414</t>
  </si>
  <si>
    <t>546-0012</t>
  </si>
  <si>
    <t>0802471</t>
  </si>
  <si>
    <t>546-0032</t>
  </si>
  <si>
    <t>0802513</t>
  </si>
  <si>
    <t>0802562</t>
  </si>
  <si>
    <t>0802570</t>
  </si>
  <si>
    <t>0802604</t>
  </si>
  <si>
    <t>0802612</t>
  </si>
  <si>
    <t>0802679</t>
  </si>
  <si>
    <t>0802687</t>
  </si>
  <si>
    <t>0802695</t>
  </si>
  <si>
    <t>546-0023</t>
  </si>
  <si>
    <t>0802703</t>
  </si>
  <si>
    <t>0802737</t>
  </si>
  <si>
    <t>0802745</t>
  </si>
  <si>
    <t>0802828</t>
  </si>
  <si>
    <t>0802836</t>
  </si>
  <si>
    <t>0802851</t>
  </si>
  <si>
    <t>0802877</t>
  </si>
  <si>
    <t>0802885</t>
  </si>
  <si>
    <t>546-0041</t>
  </si>
  <si>
    <t>0802893</t>
  </si>
  <si>
    <t>0802927</t>
  </si>
  <si>
    <t>0802943</t>
  </si>
  <si>
    <t>0802950</t>
  </si>
  <si>
    <t>0802968</t>
  </si>
  <si>
    <t>0803016</t>
  </si>
  <si>
    <t>グリーン薬局</t>
  </si>
  <si>
    <t>0803065</t>
  </si>
  <si>
    <t>546-0033</t>
  </si>
  <si>
    <t>0803073</t>
  </si>
  <si>
    <t>0803081</t>
  </si>
  <si>
    <t>0803131</t>
  </si>
  <si>
    <t>546-0016</t>
  </si>
  <si>
    <t>0803149</t>
  </si>
  <si>
    <t>0803156</t>
  </si>
  <si>
    <t>0803172</t>
  </si>
  <si>
    <t>0803180</t>
  </si>
  <si>
    <t>0803206</t>
  </si>
  <si>
    <t>0803214</t>
  </si>
  <si>
    <t>0803222</t>
  </si>
  <si>
    <t>0803230</t>
  </si>
  <si>
    <t>0803248</t>
  </si>
  <si>
    <t>0803263</t>
  </si>
  <si>
    <t>547-0011</t>
  </si>
  <si>
    <t>大和薬局</t>
  </si>
  <si>
    <t>547-0016</t>
  </si>
  <si>
    <t>547-0032</t>
  </si>
  <si>
    <t>547-0006</t>
  </si>
  <si>
    <t>547-0004</t>
  </si>
  <si>
    <t>547-0044</t>
  </si>
  <si>
    <t>547-0013</t>
  </si>
  <si>
    <t>547-0002</t>
  </si>
  <si>
    <t>547-0003</t>
  </si>
  <si>
    <t>547-0046</t>
  </si>
  <si>
    <t>547-0005</t>
  </si>
  <si>
    <t>547-0025</t>
  </si>
  <si>
    <t>547-0031</t>
  </si>
  <si>
    <t>547-0027</t>
  </si>
  <si>
    <t>547-0043</t>
  </si>
  <si>
    <t>平野北エミ薬局</t>
  </si>
  <si>
    <t>547-0041</t>
  </si>
  <si>
    <t>547-0026</t>
  </si>
  <si>
    <t>547-0014</t>
  </si>
  <si>
    <t>5803185</t>
  </si>
  <si>
    <t>547-0012</t>
  </si>
  <si>
    <t>5803243</t>
  </si>
  <si>
    <t>547-0015</t>
  </si>
  <si>
    <t>547-0034</t>
  </si>
  <si>
    <t>5803334</t>
  </si>
  <si>
    <t>5803342</t>
  </si>
  <si>
    <t>547-0047</t>
  </si>
  <si>
    <t>5803474</t>
  </si>
  <si>
    <t>547-0021</t>
  </si>
  <si>
    <t>5803524</t>
  </si>
  <si>
    <t>5803573</t>
  </si>
  <si>
    <t>5803599</t>
  </si>
  <si>
    <t>5803615</t>
  </si>
  <si>
    <t>547-0033</t>
  </si>
  <si>
    <t>547-0022</t>
  </si>
  <si>
    <t>5803805</t>
  </si>
  <si>
    <t>5803839</t>
  </si>
  <si>
    <t>5803847</t>
  </si>
  <si>
    <t>547-0001</t>
  </si>
  <si>
    <t>5803862</t>
  </si>
  <si>
    <t>5803870</t>
  </si>
  <si>
    <t>5803888</t>
  </si>
  <si>
    <t>557-0031</t>
  </si>
  <si>
    <t>557-0016</t>
  </si>
  <si>
    <t>3300994</t>
  </si>
  <si>
    <t>557-0051</t>
  </si>
  <si>
    <t>557-0033</t>
  </si>
  <si>
    <t>557-0053</t>
  </si>
  <si>
    <t>557-0055</t>
  </si>
  <si>
    <t>557-0011</t>
  </si>
  <si>
    <t>557-0014</t>
  </si>
  <si>
    <t>557-0044</t>
  </si>
  <si>
    <t>557-0013</t>
  </si>
  <si>
    <t>3301836</t>
  </si>
  <si>
    <t>557-0004</t>
  </si>
  <si>
    <t>3301935</t>
  </si>
  <si>
    <t>557-0041</t>
  </si>
  <si>
    <t>西成区岸里２丁目３－３３　
ラフィーネ岸里　１階</t>
  </si>
  <si>
    <t>557-0045</t>
  </si>
  <si>
    <t>557-0001</t>
  </si>
  <si>
    <t>3302123</t>
  </si>
  <si>
    <t>557-0002</t>
  </si>
  <si>
    <t>まるた薬局</t>
  </si>
  <si>
    <t>557-0063</t>
  </si>
  <si>
    <t>557-0025</t>
  </si>
  <si>
    <t>557-0015</t>
  </si>
  <si>
    <t>3302651</t>
  </si>
  <si>
    <t>3302685</t>
  </si>
  <si>
    <t>3302727</t>
  </si>
  <si>
    <t>557-0034</t>
  </si>
  <si>
    <t>3302867</t>
  </si>
  <si>
    <t>3302883</t>
  </si>
  <si>
    <t>557-0032</t>
  </si>
  <si>
    <t>3302891</t>
  </si>
  <si>
    <t>3302917</t>
  </si>
  <si>
    <t>3302966</t>
  </si>
  <si>
    <t>北区</t>
    <rPh sb="0" eb="2">
      <t>キタク</t>
    </rPh>
    <phoneticPr fontId="3"/>
  </si>
  <si>
    <t>小山全快堂薬局</t>
    <rPh sb="0" eb="2">
      <t>コヤマ</t>
    </rPh>
    <rPh sb="2" eb="4">
      <t>ゼンカイ</t>
    </rPh>
    <rPh sb="4" eb="5">
      <t>ドウ</t>
    </rPh>
    <rPh sb="5" eb="7">
      <t>ヤッキョク</t>
    </rPh>
    <phoneticPr fontId="3"/>
  </si>
  <si>
    <t>北区天神橋三丁目２－３１</t>
    <rPh sb="0" eb="2">
      <t>キタク</t>
    </rPh>
    <rPh sb="2" eb="5">
      <t>テンジンバシ</t>
    </rPh>
    <rPh sb="5" eb="8">
      <t>サンチョウメ</t>
    </rPh>
    <phoneticPr fontId="3"/>
  </si>
  <si>
    <t>エスエス薬局</t>
    <rPh sb="4" eb="6">
      <t>ヤッキョク</t>
    </rPh>
    <phoneticPr fontId="3"/>
  </si>
  <si>
    <t>北区天神橋四丁目４－９</t>
    <rPh sb="0" eb="2">
      <t>キタク</t>
    </rPh>
    <rPh sb="2" eb="5">
      <t>テンジンバシ</t>
    </rPh>
    <rPh sb="5" eb="8">
      <t>４チョウメ</t>
    </rPh>
    <phoneticPr fontId="3"/>
  </si>
  <si>
    <t>コヤマ薬局</t>
    <rPh sb="3" eb="5">
      <t>ヤッキョク</t>
    </rPh>
    <phoneticPr fontId="3"/>
  </si>
  <si>
    <t>北区天神橋四丁目７－１９</t>
    <rPh sb="0" eb="2">
      <t>キタク</t>
    </rPh>
    <rPh sb="2" eb="5">
      <t>テンジンバシ</t>
    </rPh>
    <rPh sb="5" eb="8">
      <t>ヨンチョウメ</t>
    </rPh>
    <phoneticPr fontId="3"/>
  </si>
  <si>
    <t>アクティ大阪コクミン調剤薬局</t>
    <rPh sb="4" eb="6">
      <t>オオサカ</t>
    </rPh>
    <rPh sb="10" eb="12">
      <t>チョウザイ</t>
    </rPh>
    <rPh sb="12" eb="14">
      <t>ヤッキョク</t>
    </rPh>
    <phoneticPr fontId="3"/>
  </si>
  <si>
    <t>北区梅田三丁目１－１　
サウスゲートビル　１７階</t>
    <rPh sb="0" eb="2">
      <t>キタク</t>
    </rPh>
    <rPh sb="2" eb="4">
      <t>ウメダ</t>
    </rPh>
    <rPh sb="4" eb="7">
      <t>サンチョウメ</t>
    </rPh>
    <phoneticPr fontId="3"/>
  </si>
  <si>
    <t>米山泰山堂薬局</t>
    <rPh sb="0" eb="2">
      <t>ヨネヤマ</t>
    </rPh>
    <rPh sb="2" eb="3">
      <t>タイ</t>
    </rPh>
    <rPh sb="3" eb="4">
      <t>ヤマ</t>
    </rPh>
    <rPh sb="4" eb="5">
      <t>ドウ</t>
    </rPh>
    <rPh sb="5" eb="7">
      <t>ヤッキョク</t>
    </rPh>
    <phoneticPr fontId="3"/>
  </si>
  <si>
    <t>北区堂山町１７－１１</t>
    <rPh sb="0" eb="2">
      <t>キタク</t>
    </rPh>
    <rPh sb="2" eb="5">
      <t>ドウヤマチョウ</t>
    </rPh>
    <phoneticPr fontId="3"/>
  </si>
  <si>
    <t>回生薬局</t>
    <rPh sb="0" eb="2">
      <t>カイセイ</t>
    </rPh>
    <rPh sb="2" eb="4">
      <t>ヤッキョク</t>
    </rPh>
    <phoneticPr fontId="3"/>
  </si>
  <si>
    <t>北区天神橋七丁目６－２３</t>
    <rPh sb="0" eb="2">
      <t>キタク</t>
    </rPh>
    <rPh sb="2" eb="5">
      <t>テンジンバシ</t>
    </rPh>
    <rPh sb="5" eb="8">
      <t>ナナチョウメ</t>
    </rPh>
    <phoneticPr fontId="3"/>
  </si>
  <si>
    <t>株式会社協和調剤薬局</t>
    <rPh sb="0" eb="1">
      <t>カブ</t>
    </rPh>
    <rPh sb="1" eb="2">
      <t>シキ</t>
    </rPh>
    <rPh sb="2" eb="4">
      <t>カイシャ</t>
    </rPh>
    <rPh sb="4" eb="6">
      <t>キョウワ</t>
    </rPh>
    <rPh sb="6" eb="8">
      <t>チョウザイ</t>
    </rPh>
    <rPh sb="8" eb="10">
      <t>ヤッキョク</t>
    </rPh>
    <phoneticPr fontId="3"/>
  </si>
  <si>
    <t>北区天神橋七丁目４－１５</t>
    <rPh sb="0" eb="2">
      <t>キタク</t>
    </rPh>
    <rPh sb="2" eb="5">
      <t>テンジンバシ</t>
    </rPh>
    <rPh sb="5" eb="8">
      <t>ナナチョウメ</t>
    </rPh>
    <phoneticPr fontId="3"/>
  </si>
  <si>
    <t>回生堂薬局</t>
    <rPh sb="0" eb="1">
      <t>カイ</t>
    </rPh>
    <rPh sb="1" eb="2">
      <t>セイ</t>
    </rPh>
    <rPh sb="2" eb="3">
      <t>ドウ</t>
    </rPh>
    <rPh sb="3" eb="5">
      <t>ヤッキョク</t>
    </rPh>
    <phoneticPr fontId="3"/>
  </si>
  <si>
    <t>北区芝田一丁目３－１５</t>
    <rPh sb="0" eb="2">
      <t>キタク</t>
    </rPh>
    <rPh sb="2" eb="4">
      <t>シバタ</t>
    </rPh>
    <rPh sb="4" eb="7">
      <t>イッチョウメ</t>
    </rPh>
    <phoneticPr fontId="3"/>
  </si>
  <si>
    <t>カイセイ薬局</t>
    <rPh sb="4" eb="6">
      <t>ヤッキョク</t>
    </rPh>
    <phoneticPr fontId="3"/>
  </si>
  <si>
    <t>北区神山町１４－２３　
シャトー東梅田　１０３号</t>
    <rPh sb="0" eb="2">
      <t>キタク</t>
    </rPh>
    <rPh sb="2" eb="5">
      <t>カミヤマチョウ</t>
    </rPh>
    <rPh sb="16" eb="17">
      <t>ヒガシ</t>
    </rPh>
    <rPh sb="17" eb="19">
      <t>ウメダ</t>
    </rPh>
    <rPh sb="23" eb="24">
      <t>ゴウ</t>
    </rPh>
    <phoneticPr fontId="3"/>
  </si>
  <si>
    <t>斉藤薬局</t>
    <rPh sb="0" eb="2">
      <t>サイトウ</t>
    </rPh>
    <rPh sb="2" eb="4">
      <t>ヤッキョク</t>
    </rPh>
    <phoneticPr fontId="3"/>
  </si>
  <si>
    <t>北区長柄東一丁目４－２５－１０３</t>
    <rPh sb="0" eb="2">
      <t>キタク</t>
    </rPh>
    <rPh sb="2" eb="5">
      <t>ナガラヒガシ</t>
    </rPh>
    <rPh sb="5" eb="8">
      <t>イッチョウメ</t>
    </rPh>
    <phoneticPr fontId="3"/>
  </si>
  <si>
    <t>OAPカイセイ薬局</t>
    <rPh sb="7" eb="9">
      <t>ヤッキョク</t>
    </rPh>
    <phoneticPr fontId="3"/>
  </si>
  <si>
    <t>北区天神橋一丁目８－３０　
OAPタワー　２階</t>
    <rPh sb="0" eb="2">
      <t>キタク</t>
    </rPh>
    <rPh sb="2" eb="5">
      <t>テンジンバシ</t>
    </rPh>
    <rPh sb="5" eb="8">
      <t>イッチョウメ</t>
    </rPh>
    <rPh sb="22" eb="23">
      <t>カイ</t>
    </rPh>
    <phoneticPr fontId="3"/>
  </si>
  <si>
    <t>新梅田コクミン薬局</t>
    <rPh sb="0" eb="1">
      <t>シン</t>
    </rPh>
    <rPh sb="1" eb="3">
      <t>ウメダ</t>
    </rPh>
    <rPh sb="7" eb="9">
      <t>ヤッキョク</t>
    </rPh>
    <phoneticPr fontId="3"/>
  </si>
  <si>
    <t>北区曽根崎新地一丁目　
堂島地下街１号</t>
    <rPh sb="0" eb="2">
      <t>キタク</t>
    </rPh>
    <rPh sb="2" eb="5">
      <t>ソネザキ</t>
    </rPh>
    <rPh sb="5" eb="7">
      <t>シンチ</t>
    </rPh>
    <rPh sb="7" eb="8">
      <t>イチ</t>
    </rPh>
    <rPh sb="8" eb="10">
      <t>チョウメ</t>
    </rPh>
    <rPh sb="12" eb="14">
      <t>ドウジマ</t>
    </rPh>
    <rPh sb="14" eb="17">
      <t>チカガイ</t>
    </rPh>
    <rPh sb="18" eb="19">
      <t>ゴウ</t>
    </rPh>
    <phoneticPr fontId="3"/>
  </si>
  <si>
    <t>北区梅田二丁目４－３７　
西梅田上島ビル　１階</t>
    <rPh sb="4" eb="7">
      <t>ニチョウメ</t>
    </rPh>
    <rPh sb="22" eb="23">
      <t>カイ</t>
    </rPh>
    <phoneticPr fontId="3"/>
  </si>
  <si>
    <t>アピス薬局　梅田店</t>
    <rPh sb="6" eb="8">
      <t>ウメダ</t>
    </rPh>
    <rPh sb="8" eb="9">
      <t>ミセ</t>
    </rPh>
    <phoneticPr fontId="3"/>
  </si>
  <si>
    <t>北区梅田一丁目１－３－１００　
大阪駅前第３ビル　１階</t>
    <rPh sb="4" eb="5">
      <t>１</t>
    </rPh>
    <rPh sb="5" eb="7">
      <t>チョウメ</t>
    </rPh>
    <phoneticPr fontId="8"/>
  </si>
  <si>
    <t>カコファーマシィー薬局</t>
    <rPh sb="9" eb="11">
      <t>ヤッキョク</t>
    </rPh>
    <phoneticPr fontId="3"/>
  </si>
  <si>
    <t>北区同心一丁目８－６</t>
    <rPh sb="0" eb="2">
      <t>キタク</t>
    </rPh>
    <rPh sb="2" eb="4">
      <t>ドウシン</t>
    </rPh>
    <rPh sb="4" eb="7">
      <t>イッチョウメ</t>
    </rPh>
    <phoneticPr fontId="3"/>
  </si>
  <si>
    <t>ユアーズ薬局</t>
    <rPh sb="4" eb="6">
      <t>ヤッキョク</t>
    </rPh>
    <phoneticPr fontId="3"/>
  </si>
  <si>
    <t>北区天神橋五丁目５－３２</t>
    <rPh sb="0" eb="2">
      <t>キタク</t>
    </rPh>
    <rPh sb="2" eb="5">
      <t>テンジンバシ</t>
    </rPh>
    <rPh sb="5" eb="8">
      <t>ゴチョウメ</t>
    </rPh>
    <phoneticPr fontId="3"/>
  </si>
  <si>
    <t>天満カイセイ薬局</t>
    <rPh sb="0" eb="2">
      <t>テンマ</t>
    </rPh>
    <rPh sb="6" eb="8">
      <t>ヤッキョク</t>
    </rPh>
    <phoneticPr fontId="3"/>
  </si>
  <si>
    <t>北区山崎町５－１７</t>
    <rPh sb="0" eb="2">
      <t>キタク</t>
    </rPh>
    <rPh sb="2" eb="5">
      <t>ヤマサキチョウ</t>
    </rPh>
    <phoneticPr fontId="3"/>
  </si>
  <si>
    <t>駅前第一ビルカイセイ薬局</t>
    <rPh sb="0" eb="2">
      <t>エキマエ</t>
    </rPh>
    <rPh sb="2" eb="4">
      <t>ダイイチ</t>
    </rPh>
    <rPh sb="10" eb="12">
      <t>ヤッキョク</t>
    </rPh>
    <phoneticPr fontId="3"/>
  </si>
  <si>
    <t>北区梅田一丁目２０　
大阪駅前第一ビル　２階</t>
    <rPh sb="0" eb="2">
      <t>キタク</t>
    </rPh>
    <rPh sb="2" eb="4">
      <t>ウメダ</t>
    </rPh>
    <rPh sb="4" eb="7">
      <t>イッチョウメ</t>
    </rPh>
    <rPh sb="11" eb="13">
      <t>オオサカ</t>
    </rPh>
    <rPh sb="13" eb="15">
      <t>エキマエ</t>
    </rPh>
    <rPh sb="15" eb="17">
      <t>ダイイチ</t>
    </rPh>
    <rPh sb="21" eb="22">
      <t>カイ</t>
    </rPh>
    <phoneticPr fontId="3"/>
  </si>
  <si>
    <t>日本調剤扇町薬局</t>
    <rPh sb="0" eb="2">
      <t>ニホン</t>
    </rPh>
    <rPh sb="2" eb="4">
      <t>チョウザイ</t>
    </rPh>
    <rPh sb="4" eb="6">
      <t>オオギマチ</t>
    </rPh>
    <rPh sb="6" eb="8">
      <t>ヤッキョク</t>
    </rPh>
    <phoneticPr fontId="3"/>
  </si>
  <si>
    <t>北区神山町１４－２２</t>
    <rPh sb="0" eb="2">
      <t>キタク</t>
    </rPh>
    <rPh sb="2" eb="3">
      <t>カミ</t>
    </rPh>
    <rPh sb="3" eb="4">
      <t>ヤマ</t>
    </rPh>
    <rPh sb="4" eb="5">
      <t>チョウ</t>
    </rPh>
    <phoneticPr fontId="3"/>
  </si>
  <si>
    <t>阪神調剤薬局　扇町店</t>
    <rPh sb="0" eb="2">
      <t>ハンシン</t>
    </rPh>
    <rPh sb="2" eb="4">
      <t>チョウザイ</t>
    </rPh>
    <rPh sb="4" eb="6">
      <t>ヤッキョク</t>
    </rPh>
    <rPh sb="7" eb="9">
      <t>オウギマチ</t>
    </rPh>
    <rPh sb="9" eb="10">
      <t>テン</t>
    </rPh>
    <phoneticPr fontId="3"/>
  </si>
  <si>
    <t>北区山崎町５－１５</t>
    <rPh sb="0" eb="2">
      <t>キタク</t>
    </rPh>
    <rPh sb="2" eb="5">
      <t>ヤマサキチョウ</t>
    </rPh>
    <phoneticPr fontId="3"/>
  </si>
  <si>
    <t>祥漢堂梅田北薬局</t>
    <rPh sb="0" eb="1">
      <t>ショウ</t>
    </rPh>
    <rPh sb="1" eb="2">
      <t>カン</t>
    </rPh>
    <rPh sb="2" eb="3">
      <t>ドウ</t>
    </rPh>
    <rPh sb="3" eb="5">
      <t>ウメダ</t>
    </rPh>
    <rPh sb="5" eb="6">
      <t>キタ</t>
    </rPh>
    <rPh sb="6" eb="8">
      <t>ヤッキョク</t>
    </rPh>
    <phoneticPr fontId="3"/>
  </si>
  <si>
    <t>北区中崎一丁目１－１</t>
    <rPh sb="0" eb="2">
      <t>キタク</t>
    </rPh>
    <rPh sb="2" eb="3">
      <t>ナカ</t>
    </rPh>
    <rPh sb="3" eb="4">
      <t>サキ</t>
    </rPh>
    <rPh sb="4" eb="7">
      <t>イッチョウメ</t>
    </rPh>
    <phoneticPr fontId="3"/>
  </si>
  <si>
    <t>南森町グローバル薬局</t>
    <rPh sb="0" eb="3">
      <t>ミナミモリマチ</t>
    </rPh>
    <rPh sb="8" eb="10">
      <t>ヤッキョク</t>
    </rPh>
    <phoneticPr fontId="3"/>
  </si>
  <si>
    <t>北区天神橋三丁目２－１４　
南森町スペースビル１階</t>
    <rPh sb="0" eb="2">
      <t>キタク</t>
    </rPh>
    <rPh sb="2" eb="5">
      <t>テンジンバシ</t>
    </rPh>
    <rPh sb="5" eb="8">
      <t>サンチョウメ</t>
    </rPh>
    <rPh sb="14" eb="15">
      <t>ミナミ</t>
    </rPh>
    <rPh sb="15" eb="16">
      <t>モリ</t>
    </rPh>
    <rPh sb="16" eb="17">
      <t>マチ</t>
    </rPh>
    <rPh sb="24" eb="25">
      <t>カイ</t>
    </rPh>
    <phoneticPr fontId="3"/>
  </si>
  <si>
    <t>フタツカ薬局　梅田北</t>
    <rPh sb="4" eb="6">
      <t>ヤッキョク</t>
    </rPh>
    <rPh sb="7" eb="9">
      <t>ウメダ</t>
    </rPh>
    <rPh sb="9" eb="10">
      <t>キタ</t>
    </rPh>
    <phoneticPr fontId="3"/>
  </si>
  <si>
    <t>北区芝田二丁目７－１８　
オーエックス梅田ビル新館　１階</t>
    <rPh sb="0" eb="2">
      <t>キタク</t>
    </rPh>
    <rPh sb="2" eb="4">
      <t>シバタ</t>
    </rPh>
    <rPh sb="4" eb="7">
      <t>ニチョウメ</t>
    </rPh>
    <rPh sb="19" eb="21">
      <t>ウメダ</t>
    </rPh>
    <rPh sb="23" eb="25">
      <t>シンカン</t>
    </rPh>
    <rPh sb="27" eb="28">
      <t>カイ</t>
    </rPh>
    <phoneticPr fontId="3"/>
  </si>
  <si>
    <t>カーム薬局</t>
    <rPh sb="3" eb="5">
      <t>ヤッキョク</t>
    </rPh>
    <phoneticPr fontId="3"/>
  </si>
  <si>
    <t>北区池田町１７－１７</t>
    <rPh sb="0" eb="2">
      <t>キタク</t>
    </rPh>
    <rPh sb="2" eb="5">
      <t>イケダチョウ</t>
    </rPh>
    <phoneticPr fontId="3"/>
  </si>
  <si>
    <t>共栄薬局　茶屋町店</t>
    <rPh sb="0" eb="2">
      <t>キョウエイ</t>
    </rPh>
    <rPh sb="2" eb="4">
      <t>ヤッキョク</t>
    </rPh>
    <rPh sb="5" eb="8">
      <t>チャヤマチ</t>
    </rPh>
    <rPh sb="8" eb="9">
      <t>ミセ</t>
    </rPh>
    <phoneticPr fontId="3"/>
  </si>
  <si>
    <t>北区茶屋町１９－１９　
アプローズタワー　地下１階</t>
    <rPh sb="0" eb="2">
      <t>キタク</t>
    </rPh>
    <rPh sb="2" eb="5">
      <t>チャヤマチ</t>
    </rPh>
    <rPh sb="21" eb="23">
      <t>チカ</t>
    </rPh>
    <rPh sb="24" eb="25">
      <t>カイ</t>
    </rPh>
    <phoneticPr fontId="3"/>
  </si>
  <si>
    <t>なの花薬局　中之島店</t>
    <rPh sb="2" eb="3">
      <t>ハナ</t>
    </rPh>
    <phoneticPr fontId="3"/>
  </si>
  <si>
    <t>北区中之島五丁目３－６８</t>
    <rPh sb="5" eb="8">
      <t>ゴチョウメ</t>
    </rPh>
    <phoneticPr fontId="3"/>
  </si>
  <si>
    <t>なの花薬局　中津店</t>
    <rPh sb="2" eb="3">
      <t>ハナ</t>
    </rPh>
    <rPh sb="3" eb="5">
      <t>ヤッキョク</t>
    </rPh>
    <rPh sb="6" eb="8">
      <t>ナカツ</t>
    </rPh>
    <rPh sb="8" eb="9">
      <t>ミセ</t>
    </rPh>
    <phoneticPr fontId="3"/>
  </si>
  <si>
    <t>北区芝田二丁目９－１２</t>
    <rPh sb="0" eb="2">
      <t>キタク</t>
    </rPh>
    <rPh sb="2" eb="4">
      <t>シバタ</t>
    </rPh>
    <rPh sb="4" eb="7">
      <t>ニチョウメ</t>
    </rPh>
    <phoneticPr fontId="3"/>
  </si>
  <si>
    <t>なの花薬局　グランドビル店</t>
    <rPh sb="2" eb="3">
      <t>ハナ</t>
    </rPh>
    <phoneticPr fontId="3"/>
  </si>
  <si>
    <t>柿の木薬局　天満店</t>
    <rPh sb="0" eb="1">
      <t>カキ</t>
    </rPh>
    <rPh sb="2" eb="3">
      <t>キ</t>
    </rPh>
    <rPh sb="3" eb="5">
      <t>ヤッキョク</t>
    </rPh>
    <rPh sb="6" eb="9">
      <t>テンマテン</t>
    </rPh>
    <phoneticPr fontId="3"/>
  </si>
  <si>
    <t>北区天神橋四丁目８－２８</t>
    <rPh sb="0" eb="2">
      <t>キタク</t>
    </rPh>
    <rPh sb="2" eb="5">
      <t>テンジンバシ</t>
    </rPh>
    <rPh sb="5" eb="8">
      <t>ヨンチョウメ</t>
    </rPh>
    <phoneticPr fontId="3"/>
  </si>
  <si>
    <t>オレンジ薬局</t>
    <rPh sb="4" eb="6">
      <t>ヤッキョク</t>
    </rPh>
    <phoneticPr fontId="3"/>
  </si>
  <si>
    <t>北区芝田二丁目８－１０ーＢ　
光栄ビル　１階</t>
    <rPh sb="0" eb="2">
      <t>キタク</t>
    </rPh>
    <rPh sb="2" eb="4">
      <t>シバタ</t>
    </rPh>
    <rPh sb="4" eb="7">
      <t>ニチョウメ</t>
    </rPh>
    <rPh sb="15" eb="17">
      <t>コウエイ</t>
    </rPh>
    <rPh sb="21" eb="22">
      <t>カイ</t>
    </rPh>
    <phoneticPr fontId="3"/>
  </si>
  <si>
    <t>大阪みなみ薬局</t>
    <rPh sb="0" eb="2">
      <t>オオサカ</t>
    </rPh>
    <rPh sb="5" eb="7">
      <t>ヤッキョク</t>
    </rPh>
    <phoneticPr fontId="3"/>
  </si>
  <si>
    <t>北区浮田一丁目３－１１　
梅田プレミアムコート　１階</t>
    <rPh sb="0" eb="2">
      <t>キタク</t>
    </rPh>
    <rPh sb="2" eb="4">
      <t>ウキタ</t>
    </rPh>
    <rPh sb="4" eb="7">
      <t>イッチョウメ</t>
    </rPh>
    <rPh sb="13" eb="15">
      <t>ウメダ</t>
    </rPh>
    <rPh sb="25" eb="26">
      <t>カイ</t>
    </rPh>
    <phoneticPr fontId="3"/>
  </si>
  <si>
    <t>オレンジ薬局　北梅田店</t>
    <rPh sb="4" eb="6">
      <t>ヤッキョク</t>
    </rPh>
    <rPh sb="7" eb="8">
      <t>キタ</t>
    </rPh>
    <rPh sb="8" eb="10">
      <t>ウメダ</t>
    </rPh>
    <rPh sb="10" eb="11">
      <t>テン</t>
    </rPh>
    <phoneticPr fontId="3"/>
  </si>
  <si>
    <t>北区豊崎一丁目１１－２９</t>
    <rPh sb="0" eb="2">
      <t>キタク</t>
    </rPh>
    <rPh sb="2" eb="4">
      <t>トヨサキ</t>
    </rPh>
    <rPh sb="4" eb="7">
      <t>イッチョウメ</t>
    </rPh>
    <phoneticPr fontId="3"/>
  </si>
  <si>
    <t>北区大淀中三丁目２－１３</t>
    <rPh sb="5" eb="8">
      <t>サンチョウメ</t>
    </rPh>
    <phoneticPr fontId="3"/>
  </si>
  <si>
    <t>ときわ薬局</t>
    <rPh sb="3" eb="5">
      <t>ヤッキョク</t>
    </rPh>
    <phoneticPr fontId="3"/>
  </si>
  <si>
    <t>北区浮田二丁目１－１２　
アパ大阪天六ビル　１階</t>
    <rPh sb="0" eb="2">
      <t>キタク</t>
    </rPh>
    <rPh sb="2" eb="4">
      <t>ウキタ</t>
    </rPh>
    <rPh sb="4" eb="7">
      <t>ニチョウメ</t>
    </rPh>
    <rPh sb="15" eb="17">
      <t>オオサカ</t>
    </rPh>
    <rPh sb="17" eb="18">
      <t>テン</t>
    </rPh>
    <rPh sb="18" eb="19">
      <t>６</t>
    </rPh>
    <rPh sb="23" eb="24">
      <t>カイ</t>
    </rPh>
    <phoneticPr fontId="3"/>
  </si>
  <si>
    <t>フロンティア薬局　中崎町店</t>
    <rPh sb="6" eb="8">
      <t>ヤッキョク</t>
    </rPh>
    <rPh sb="9" eb="11">
      <t>ナカザキ</t>
    </rPh>
    <rPh sb="11" eb="12">
      <t>チョウ</t>
    </rPh>
    <rPh sb="12" eb="13">
      <t>テン</t>
    </rPh>
    <phoneticPr fontId="3"/>
  </si>
  <si>
    <t>北区中崎一丁目１－１５</t>
    <rPh sb="0" eb="2">
      <t>キタク</t>
    </rPh>
    <rPh sb="2" eb="3">
      <t>ナカ</t>
    </rPh>
    <rPh sb="3" eb="4">
      <t>サキ</t>
    </rPh>
    <rPh sb="4" eb="7">
      <t>イッチョウメ</t>
    </rPh>
    <phoneticPr fontId="3"/>
  </si>
  <si>
    <t>元気薬局　中津店</t>
    <rPh sb="0" eb="2">
      <t>ゲンキ</t>
    </rPh>
    <rPh sb="2" eb="4">
      <t>ヤッキョク</t>
    </rPh>
    <rPh sb="5" eb="7">
      <t>ナカツ</t>
    </rPh>
    <rPh sb="7" eb="8">
      <t>テン</t>
    </rPh>
    <phoneticPr fontId="3"/>
  </si>
  <si>
    <t>北区中津一丁目11－８</t>
    <rPh sb="0" eb="2">
      <t>キタク</t>
    </rPh>
    <rPh sb="2" eb="4">
      <t>ナカツ</t>
    </rPh>
    <rPh sb="4" eb="7">
      <t>イッチョウメ</t>
    </rPh>
    <phoneticPr fontId="3"/>
  </si>
  <si>
    <t>北区天神橋二丁目５－２８　
千代田第２ビル　１階</t>
    <rPh sb="0" eb="2">
      <t>キタク</t>
    </rPh>
    <rPh sb="2" eb="5">
      <t>テンジンバシ</t>
    </rPh>
    <rPh sb="5" eb="8">
      <t>ニチョウメ</t>
    </rPh>
    <rPh sb="14" eb="17">
      <t>チヨダ</t>
    </rPh>
    <rPh sb="17" eb="18">
      <t>ダイ</t>
    </rPh>
    <rPh sb="23" eb="24">
      <t>カイ</t>
    </rPh>
    <phoneticPr fontId="3"/>
  </si>
  <si>
    <t>北天神薬局　天六店</t>
    <rPh sb="0" eb="1">
      <t>キタ</t>
    </rPh>
    <rPh sb="1" eb="3">
      <t>テンジン</t>
    </rPh>
    <rPh sb="3" eb="5">
      <t>ヤッキョク</t>
    </rPh>
    <rPh sb="6" eb="9">
      <t>テンロクテン</t>
    </rPh>
    <phoneticPr fontId="3"/>
  </si>
  <si>
    <t>北区天神橋六丁目６－８　
ソアラプラザ天六　１階</t>
    <rPh sb="0" eb="2">
      <t>キタク</t>
    </rPh>
    <rPh sb="2" eb="5">
      <t>テンジンバシ</t>
    </rPh>
    <rPh sb="5" eb="8">
      <t>ロクチョウメ</t>
    </rPh>
    <rPh sb="19" eb="20">
      <t>テン</t>
    </rPh>
    <rPh sb="20" eb="21">
      <t>ロク</t>
    </rPh>
    <rPh sb="23" eb="24">
      <t>カイ</t>
    </rPh>
    <phoneticPr fontId="3"/>
  </si>
  <si>
    <t>アピス薬局　西天満店</t>
    <rPh sb="2" eb="4">
      <t>ヤッキョク</t>
    </rPh>
    <rPh sb="5" eb="6">
      <t>ニシ</t>
    </rPh>
    <rPh sb="6" eb="8">
      <t>テンマ</t>
    </rPh>
    <rPh sb="8" eb="9">
      <t>ミセ</t>
    </rPh>
    <phoneticPr fontId="3"/>
  </si>
  <si>
    <t>北区西天満三丁目１３－１８　
島根ビル　１階</t>
    <rPh sb="0" eb="2">
      <t>キタク</t>
    </rPh>
    <rPh sb="2" eb="3">
      <t>ニシ</t>
    </rPh>
    <rPh sb="3" eb="5">
      <t>テンマ</t>
    </rPh>
    <rPh sb="5" eb="8">
      <t>サンチョウメ</t>
    </rPh>
    <rPh sb="15" eb="17">
      <t>シマネ</t>
    </rPh>
    <rPh sb="21" eb="22">
      <t>カイ</t>
    </rPh>
    <phoneticPr fontId="3"/>
  </si>
  <si>
    <t>スギ薬局　南森町店</t>
    <rPh sb="2" eb="4">
      <t>ヤッキョク</t>
    </rPh>
    <rPh sb="5" eb="8">
      <t>ミナミモリマチ</t>
    </rPh>
    <rPh sb="8" eb="9">
      <t>テン</t>
    </rPh>
    <phoneticPr fontId="3"/>
  </si>
  <si>
    <t>北区天神橋二丁目北２－２６
マルサンビル　１階</t>
    <rPh sb="0" eb="2">
      <t>キタク</t>
    </rPh>
    <rPh sb="2" eb="5">
      <t>テンジンバシ</t>
    </rPh>
    <rPh sb="5" eb="8">
      <t>ニチョウメ</t>
    </rPh>
    <rPh sb="8" eb="9">
      <t>キタ</t>
    </rPh>
    <rPh sb="22" eb="23">
      <t>カイ</t>
    </rPh>
    <phoneticPr fontId="3"/>
  </si>
  <si>
    <t>オレンジ薬局　中津店</t>
    <rPh sb="4" eb="6">
      <t>ヤッキョク</t>
    </rPh>
    <rPh sb="7" eb="9">
      <t>ナカツ</t>
    </rPh>
    <rPh sb="9" eb="10">
      <t>テン</t>
    </rPh>
    <phoneticPr fontId="3"/>
  </si>
  <si>
    <t>北区豊崎三丁目２０－１０　
大明ビル　１階</t>
    <rPh sb="0" eb="2">
      <t>キタク</t>
    </rPh>
    <rPh sb="2" eb="4">
      <t>トヨサキ</t>
    </rPh>
    <rPh sb="4" eb="5">
      <t>サン</t>
    </rPh>
    <rPh sb="5" eb="7">
      <t>チョウメ</t>
    </rPh>
    <rPh sb="14" eb="15">
      <t>オオ</t>
    </rPh>
    <rPh sb="15" eb="16">
      <t>アカ</t>
    </rPh>
    <rPh sb="20" eb="21">
      <t>カイ</t>
    </rPh>
    <phoneticPr fontId="3"/>
  </si>
  <si>
    <t>天六ファーマライズ薬局</t>
    <rPh sb="0" eb="1">
      <t>テン</t>
    </rPh>
    <rPh sb="1" eb="2">
      <t>ロク</t>
    </rPh>
    <rPh sb="9" eb="11">
      <t>ヤッキョク</t>
    </rPh>
    <phoneticPr fontId="3"/>
  </si>
  <si>
    <t>北区浮田一丁目３ー１６ー１０１　
ロータリー天神橋</t>
    <rPh sb="0" eb="2">
      <t>キタク</t>
    </rPh>
    <rPh sb="2" eb="4">
      <t>ウキタ</t>
    </rPh>
    <rPh sb="4" eb="7">
      <t>イッチョウメ</t>
    </rPh>
    <rPh sb="22" eb="25">
      <t>テンジンバシ</t>
    </rPh>
    <phoneticPr fontId="3"/>
  </si>
  <si>
    <t>日本調剤中津薬局</t>
    <rPh sb="0" eb="2">
      <t>ニホン</t>
    </rPh>
    <rPh sb="2" eb="4">
      <t>チョウザイ</t>
    </rPh>
    <rPh sb="4" eb="6">
      <t>ナカツ</t>
    </rPh>
    <rPh sb="6" eb="8">
      <t>ヤッキョク</t>
    </rPh>
    <phoneticPr fontId="3"/>
  </si>
  <si>
    <t>北区芝田二丁目９－１５　
ホテルナチュレ大阪梅田　１階</t>
    <rPh sb="0" eb="2">
      <t>キタク</t>
    </rPh>
    <rPh sb="2" eb="4">
      <t>シバタ</t>
    </rPh>
    <rPh sb="4" eb="5">
      <t>2</t>
    </rPh>
    <rPh sb="5" eb="7">
      <t>チョウメ</t>
    </rPh>
    <rPh sb="20" eb="22">
      <t>オオサカ</t>
    </rPh>
    <rPh sb="22" eb="24">
      <t>ウメダ</t>
    </rPh>
    <rPh sb="26" eb="27">
      <t>カイ</t>
    </rPh>
    <phoneticPr fontId="3"/>
  </si>
  <si>
    <t>茶屋町薬局</t>
    <rPh sb="0" eb="3">
      <t>チャヤマチ</t>
    </rPh>
    <rPh sb="3" eb="5">
      <t>ヤッキョク</t>
    </rPh>
    <phoneticPr fontId="3"/>
  </si>
  <si>
    <t>北区茶屋町３－１</t>
    <rPh sb="0" eb="2">
      <t>キタク</t>
    </rPh>
    <rPh sb="2" eb="5">
      <t>チャヤマチ</t>
    </rPh>
    <phoneticPr fontId="3"/>
  </si>
  <si>
    <t>小西辰薬局</t>
    <rPh sb="0" eb="2">
      <t>コニシ</t>
    </rPh>
    <rPh sb="2" eb="3">
      <t>タツ</t>
    </rPh>
    <rPh sb="3" eb="5">
      <t>ヤッキョク</t>
    </rPh>
    <phoneticPr fontId="3"/>
  </si>
  <si>
    <t>北区天神橋六丁目５－６</t>
    <rPh sb="0" eb="2">
      <t>キタク</t>
    </rPh>
    <rPh sb="2" eb="5">
      <t>テンジンバシ</t>
    </rPh>
    <rPh sb="5" eb="8">
      <t>ロクチョウメ</t>
    </rPh>
    <phoneticPr fontId="3"/>
  </si>
  <si>
    <t>大阪神山さくら薬局</t>
    <rPh sb="0" eb="2">
      <t>オオサカ</t>
    </rPh>
    <rPh sb="2" eb="4">
      <t>カミヤマ</t>
    </rPh>
    <rPh sb="7" eb="9">
      <t>ヤッキョク</t>
    </rPh>
    <phoneticPr fontId="3"/>
  </si>
  <si>
    <t>北区神山町14－22　
クラフト扇町ビル１階</t>
    <rPh sb="0" eb="2">
      <t>キタク</t>
    </rPh>
    <rPh sb="2" eb="5">
      <t>カミヤマチョウ</t>
    </rPh>
    <rPh sb="16" eb="18">
      <t>オオギマチ</t>
    </rPh>
    <rPh sb="21" eb="22">
      <t>カイ</t>
    </rPh>
    <phoneticPr fontId="3"/>
  </si>
  <si>
    <t>北天神薬局　南店</t>
    <rPh sb="0" eb="1">
      <t>キタ</t>
    </rPh>
    <rPh sb="1" eb="3">
      <t>テンジン</t>
    </rPh>
    <rPh sb="3" eb="5">
      <t>ヤッキョク</t>
    </rPh>
    <rPh sb="6" eb="7">
      <t>ミナミ</t>
    </rPh>
    <rPh sb="7" eb="8">
      <t>テン</t>
    </rPh>
    <phoneticPr fontId="3"/>
  </si>
  <si>
    <t>北区天神橋五丁目７－２１</t>
    <rPh sb="0" eb="2">
      <t>キタク</t>
    </rPh>
    <rPh sb="2" eb="5">
      <t>テンジンバシ</t>
    </rPh>
    <rPh sb="5" eb="8">
      <t>ゴチョウメ</t>
    </rPh>
    <phoneticPr fontId="3"/>
  </si>
  <si>
    <t>マルゼン薬局</t>
    <rPh sb="4" eb="6">
      <t>ヤッキョク</t>
    </rPh>
    <phoneticPr fontId="3"/>
  </si>
  <si>
    <t>北区天神橋六丁目７－１４</t>
    <rPh sb="0" eb="2">
      <t>キタク</t>
    </rPh>
    <rPh sb="2" eb="5">
      <t>テンジンバシ</t>
    </rPh>
    <rPh sb="5" eb="8">
      <t>ロクチョウメ</t>
    </rPh>
    <phoneticPr fontId="3"/>
  </si>
  <si>
    <t>ユアーズ薬局　天神橋店</t>
    <rPh sb="4" eb="6">
      <t>ヤッキョク</t>
    </rPh>
    <rPh sb="7" eb="10">
      <t>テンジンバシ</t>
    </rPh>
    <rPh sb="10" eb="11">
      <t>テン</t>
    </rPh>
    <phoneticPr fontId="3"/>
  </si>
  <si>
    <t>北区天神橋五丁目７－１２</t>
    <rPh sb="0" eb="2">
      <t>キタク</t>
    </rPh>
    <rPh sb="5" eb="8">
      <t>ゴチョウメ</t>
    </rPh>
    <phoneticPr fontId="3"/>
  </si>
  <si>
    <t>さくら薬局　大阪扇町通店</t>
    <rPh sb="3" eb="5">
      <t>ヤッキョク</t>
    </rPh>
    <rPh sb="6" eb="8">
      <t>オオサカ</t>
    </rPh>
    <rPh sb="8" eb="10">
      <t>オオギマチ</t>
    </rPh>
    <rPh sb="10" eb="11">
      <t>ドオリ</t>
    </rPh>
    <rPh sb="11" eb="12">
      <t>テン</t>
    </rPh>
    <phoneticPr fontId="3"/>
  </si>
  <si>
    <t>北区神山町１－７</t>
    <rPh sb="0" eb="2">
      <t>キタク</t>
    </rPh>
    <rPh sb="2" eb="5">
      <t>カミヤマチョウ</t>
    </rPh>
    <phoneticPr fontId="3"/>
  </si>
  <si>
    <t>テイコク薬局　南森町店</t>
    <rPh sb="4" eb="6">
      <t>ヤッキョク</t>
    </rPh>
    <rPh sb="7" eb="11">
      <t>ミナミモリマチテン</t>
    </rPh>
    <phoneticPr fontId="3"/>
  </si>
  <si>
    <t>北区天神橋三丁目２－３６</t>
    <rPh sb="0" eb="2">
      <t>キタク</t>
    </rPh>
    <rPh sb="2" eb="5">
      <t>テンジンバシ</t>
    </rPh>
    <rPh sb="5" eb="8">
      <t>3チョウメ</t>
    </rPh>
    <phoneticPr fontId="3"/>
  </si>
  <si>
    <t>クローバー薬局</t>
    <rPh sb="5" eb="7">
      <t>ヤッキョク</t>
    </rPh>
    <phoneticPr fontId="3"/>
  </si>
  <si>
    <t>北区天神橋二丁目５－１５　
グラン・ピア南森町　１階</t>
    <rPh sb="0" eb="2">
      <t>キタク</t>
    </rPh>
    <rPh sb="5" eb="8">
      <t>ニチョウメ</t>
    </rPh>
    <rPh sb="20" eb="23">
      <t>ミナミモリマチ</t>
    </rPh>
    <rPh sb="25" eb="26">
      <t>カイ</t>
    </rPh>
    <phoneticPr fontId="3"/>
  </si>
  <si>
    <t>すみれ薬局</t>
    <rPh sb="3" eb="5">
      <t>ヤッキョク</t>
    </rPh>
    <phoneticPr fontId="3"/>
  </si>
  <si>
    <t>北区茶屋町３－１４　
大西茶屋町ビル　１階</t>
    <rPh sb="0" eb="2">
      <t>キタク</t>
    </rPh>
    <rPh sb="2" eb="4">
      <t>チャヤ</t>
    </rPh>
    <rPh sb="4" eb="5">
      <t>マチ</t>
    </rPh>
    <rPh sb="11" eb="13">
      <t>オオニシ</t>
    </rPh>
    <rPh sb="13" eb="16">
      <t>チャヤマチ</t>
    </rPh>
    <rPh sb="20" eb="21">
      <t>カイ</t>
    </rPh>
    <phoneticPr fontId="3"/>
  </si>
  <si>
    <t>扇町グローバル薬局</t>
    <rPh sb="0" eb="2">
      <t>オウギマチ</t>
    </rPh>
    <rPh sb="7" eb="9">
      <t>ヤッキョク</t>
    </rPh>
    <phoneticPr fontId="3"/>
  </si>
  <si>
    <t>北区神山町１４－２１</t>
    <rPh sb="0" eb="2">
      <t>キタク</t>
    </rPh>
    <rPh sb="2" eb="3">
      <t>カミ</t>
    </rPh>
    <rPh sb="3" eb="4">
      <t>ヤマ</t>
    </rPh>
    <rPh sb="4" eb="5">
      <t>チョウ</t>
    </rPh>
    <phoneticPr fontId="3"/>
  </si>
  <si>
    <t>セブン薬局　天六店</t>
    <rPh sb="3" eb="5">
      <t>ヤッキョク</t>
    </rPh>
    <rPh sb="6" eb="7">
      <t>テン</t>
    </rPh>
    <rPh sb="7" eb="8">
      <t>ムイ</t>
    </rPh>
    <rPh sb="8" eb="9">
      <t>テン</t>
    </rPh>
    <phoneticPr fontId="3"/>
  </si>
  <si>
    <t>北区天神橋六丁目７－１７</t>
    <rPh sb="0" eb="2">
      <t>キタク</t>
    </rPh>
    <rPh sb="2" eb="5">
      <t>テンジンバシ</t>
    </rPh>
    <rPh sb="5" eb="8">
      <t>ロクチョウメ</t>
    </rPh>
    <phoneticPr fontId="3"/>
  </si>
  <si>
    <t>なの花薬局　梅田芝田店</t>
    <rPh sb="2" eb="3">
      <t>ハナ</t>
    </rPh>
    <rPh sb="3" eb="5">
      <t>ヤッキョク</t>
    </rPh>
    <rPh sb="6" eb="8">
      <t>ウメダ</t>
    </rPh>
    <rPh sb="8" eb="10">
      <t>シバタ</t>
    </rPh>
    <rPh sb="10" eb="11">
      <t>テン</t>
    </rPh>
    <phoneticPr fontId="3"/>
  </si>
  <si>
    <t>北区芝田二丁目１－１８　
西阪急ビル　１階</t>
    <rPh sb="0" eb="2">
      <t>キタク</t>
    </rPh>
    <rPh sb="2" eb="4">
      <t>シバタ</t>
    </rPh>
    <rPh sb="4" eb="7">
      <t>２チョウメ</t>
    </rPh>
    <rPh sb="13" eb="14">
      <t>ニシ</t>
    </rPh>
    <rPh sb="14" eb="16">
      <t>ハンキュウ</t>
    </rPh>
    <rPh sb="20" eb="21">
      <t>カイ</t>
    </rPh>
    <phoneticPr fontId="3"/>
  </si>
  <si>
    <t>クオール薬局　梅田店</t>
    <rPh sb="4" eb="6">
      <t>ヤッキョク</t>
    </rPh>
    <rPh sb="7" eb="10">
      <t>ウメダテン</t>
    </rPh>
    <phoneticPr fontId="3"/>
  </si>
  <si>
    <t>北区梅田一丁目２－２－２００　
大阪駅前第２ビル　２階</t>
    <rPh sb="0" eb="2">
      <t>キタク</t>
    </rPh>
    <rPh sb="2" eb="4">
      <t>ウメダ</t>
    </rPh>
    <rPh sb="4" eb="5">
      <t>イチ</t>
    </rPh>
    <rPh sb="5" eb="7">
      <t>チョウメ</t>
    </rPh>
    <rPh sb="16" eb="18">
      <t>オオサカ</t>
    </rPh>
    <rPh sb="18" eb="20">
      <t>エキマエ</t>
    </rPh>
    <rPh sb="20" eb="21">
      <t>ダイ</t>
    </rPh>
    <rPh sb="26" eb="27">
      <t>カイ</t>
    </rPh>
    <phoneticPr fontId="3"/>
  </si>
  <si>
    <t>クオール薬局　梅田北店</t>
    <rPh sb="4" eb="6">
      <t>ヤッキョク</t>
    </rPh>
    <rPh sb="7" eb="9">
      <t>ウメダ</t>
    </rPh>
    <rPh sb="9" eb="10">
      <t>キタ</t>
    </rPh>
    <rPh sb="10" eb="11">
      <t>テン</t>
    </rPh>
    <phoneticPr fontId="3"/>
  </si>
  <si>
    <t>北区梅田一丁目１２－１７　
梅田スクエアビル　地下２階</t>
    <rPh sb="0" eb="2">
      <t>キタク</t>
    </rPh>
    <rPh sb="2" eb="4">
      <t>ウメダ</t>
    </rPh>
    <rPh sb="4" eb="5">
      <t>イチ</t>
    </rPh>
    <rPh sb="5" eb="7">
      <t>チョウメ</t>
    </rPh>
    <rPh sb="14" eb="16">
      <t>ウメダ</t>
    </rPh>
    <rPh sb="23" eb="25">
      <t>チカ</t>
    </rPh>
    <rPh sb="26" eb="27">
      <t>カイ</t>
    </rPh>
    <phoneticPr fontId="3"/>
  </si>
  <si>
    <t>クオール薬局　梅田ガーデン店</t>
    <rPh sb="4" eb="6">
      <t>ヤッキョク</t>
    </rPh>
    <rPh sb="7" eb="9">
      <t>ウメダ</t>
    </rPh>
    <rPh sb="13" eb="14">
      <t>テン</t>
    </rPh>
    <phoneticPr fontId="3"/>
  </si>
  <si>
    <t>北区梅田三丁目３－４５　
マルイト西梅田ビル　２階</t>
    <rPh sb="0" eb="2">
      <t>キタク</t>
    </rPh>
    <rPh sb="2" eb="4">
      <t>ウメダ</t>
    </rPh>
    <rPh sb="4" eb="5">
      <t>サン</t>
    </rPh>
    <rPh sb="5" eb="7">
      <t>チョウメ</t>
    </rPh>
    <rPh sb="17" eb="20">
      <t>ニシウメダ</t>
    </rPh>
    <rPh sb="24" eb="25">
      <t>カイ</t>
    </rPh>
    <phoneticPr fontId="3"/>
  </si>
  <si>
    <t>フタツカ薬局　中津駅前</t>
    <rPh sb="4" eb="6">
      <t>ヤッキョク</t>
    </rPh>
    <rPh sb="7" eb="9">
      <t>ナカツ</t>
    </rPh>
    <rPh sb="9" eb="11">
      <t>エキマエ</t>
    </rPh>
    <phoneticPr fontId="3"/>
  </si>
  <si>
    <t>北区豊崎五丁目７－２２　
清水ビル　１階</t>
    <rPh sb="0" eb="2">
      <t>キタク</t>
    </rPh>
    <rPh sb="2" eb="4">
      <t>トヨサキ</t>
    </rPh>
    <rPh sb="4" eb="5">
      <t>ゴ</t>
    </rPh>
    <rPh sb="5" eb="7">
      <t>チョウメ</t>
    </rPh>
    <rPh sb="13" eb="15">
      <t>シミズ</t>
    </rPh>
    <rPh sb="19" eb="20">
      <t>カイ</t>
    </rPh>
    <phoneticPr fontId="3"/>
  </si>
  <si>
    <t>新なかつ薬局</t>
    <rPh sb="0" eb="1">
      <t>シン</t>
    </rPh>
    <rPh sb="4" eb="6">
      <t>ヤッキョク</t>
    </rPh>
    <phoneticPr fontId="3"/>
  </si>
  <si>
    <t>北区中津一丁目２－２１　
明大ビル　１階</t>
    <rPh sb="0" eb="2">
      <t>キタク</t>
    </rPh>
    <rPh sb="2" eb="4">
      <t>ナカツ</t>
    </rPh>
    <rPh sb="4" eb="7">
      <t>１チョウメ</t>
    </rPh>
    <rPh sb="13" eb="15">
      <t>メイダイ</t>
    </rPh>
    <rPh sb="19" eb="20">
      <t>カイ</t>
    </rPh>
    <phoneticPr fontId="3"/>
  </si>
  <si>
    <t>共栄薬局　梅田店</t>
    <rPh sb="0" eb="2">
      <t>キョウエイ</t>
    </rPh>
    <rPh sb="2" eb="4">
      <t>ヤッキョク</t>
    </rPh>
    <rPh sb="5" eb="8">
      <t>ウメダテン</t>
    </rPh>
    <phoneticPr fontId="3"/>
  </si>
  <si>
    <t>北区角田町８－７　
阪急百貨店　地下１階</t>
    <rPh sb="0" eb="2">
      <t>キタク</t>
    </rPh>
    <rPh sb="2" eb="3">
      <t>カク</t>
    </rPh>
    <rPh sb="3" eb="5">
      <t>タチョウ</t>
    </rPh>
    <rPh sb="10" eb="12">
      <t>ハンキュウ</t>
    </rPh>
    <rPh sb="12" eb="14">
      <t>ヒャッカ</t>
    </rPh>
    <rPh sb="14" eb="15">
      <t>テン</t>
    </rPh>
    <rPh sb="16" eb="18">
      <t>チカ</t>
    </rPh>
    <rPh sb="19" eb="20">
      <t>カイ</t>
    </rPh>
    <phoneticPr fontId="3"/>
  </si>
  <si>
    <t>ほんじょう薬局</t>
    <rPh sb="5" eb="7">
      <t>ヤッキョク</t>
    </rPh>
    <phoneticPr fontId="3"/>
  </si>
  <si>
    <t>北区本庄東二丁目４－９　
センチュリー本庄　１階</t>
    <rPh sb="0" eb="2">
      <t>キタク</t>
    </rPh>
    <rPh sb="2" eb="4">
      <t>ホンジョウ</t>
    </rPh>
    <rPh sb="4" eb="5">
      <t>ヒガシ</t>
    </rPh>
    <rPh sb="5" eb="8">
      <t>ニチョウメ</t>
    </rPh>
    <rPh sb="19" eb="21">
      <t>ホンジョウ</t>
    </rPh>
    <rPh sb="23" eb="24">
      <t>カイ</t>
    </rPh>
    <phoneticPr fontId="3"/>
  </si>
  <si>
    <t>駅クオール薬局　JR大阪店</t>
    <rPh sb="0" eb="1">
      <t>エキ</t>
    </rPh>
    <rPh sb="5" eb="7">
      <t>ヤッキョク</t>
    </rPh>
    <rPh sb="10" eb="13">
      <t>オオサカテン</t>
    </rPh>
    <phoneticPr fontId="3"/>
  </si>
  <si>
    <t>北区梅田三丁目１－１　
ＪＲ大阪駅構内</t>
    <rPh sb="0" eb="2">
      <t>キタク</t>
    </rPh>
    <rPh sb="2" eb="4">
      <t>ウメダ</t>
    </rPh>
    <rPh sb="4" eb="7">
      <t>サンチョウメ</t>
    </rPh>
    <rPh sb="14" eb="17">
      <t>オオサカエキ</t>
    </rPh>
    <rPh sb="17" eb="19">
      <t>コウナイ</t>
    </rPh>
    <phoneticPr fontId="3"/>
  </si>
  <si>
    <t>サエラ薬局　梅田東店</t>
    <rPh sb="3" eb="5">
      <t>ヤッキョク</t>
    </rPh>
    <rPh sb="6" eb="8">
      <t>ウメダ</t>
    </rPh>
    <rPh sb="8" eb="9">
      <t>ヒガシ</t>
    </rPh>
    <rPh sb="9" eb="10">
      <t>テン</t>
    </rPh>
    <phoneticPr fontId="3"/>
  </si>
  <si>
    <t>北区中崎一丁目２－２５　
アクシオ梅田東　１階</t>
    <rPh sb="0" eb="2">
      <t>キタク</t>
    </rPh>
    <rPh sb="2" eb="4">
      <t>ナカザキ</t>
    </rPh>
    <rPh sb="4" eb="7">
      <t>イッチョウメ</t>
    </rPh>
    <rPh sb="17" eb="19">
      <t>ウメダ</t>
    </rPh>
    <rPh sb="19" eb="20">
      <t>ヒガシ</t>
    </rPh>
    <rPh sb="22" eb="23">
      <t>カイ</t>
    </rPh>
    <phoneticPr fontId="3"/>
  </si>
  <si>
    <t>クオール薬局　中之島店</t>
    <rPh sb="4" eb="6">
      <t>ヤッキョク</t>
    </rPh>
    <rPh sb="7" eb="10">
      <t>ナカノシマ</t>
    </rPh>
    <rPh sb="10" eb="11">
      <t>テン</t>
    </rPh>
    <phoneticPr fontId="3"/>
  </si>
  <si>
    <t>北区中之島二丁目３－１８　
中之島フェスティバルタワー　１５階</t>
    <rPh sb="0" eb="2">
      <t>キタク</t>
    </rPh>
    <rPh sb="2" eb="5">
      <t>ナカノシマ</t>
    </rPh>
    <rPh sb="5" eb="8">
      <t>ニチョウメ</t>
    </rPh>
    <rPh sb="14" eb="15">
      <t>ナカ</t>
    </rPh>
    <rPh sb="15" eb="16">
      <t>ノ</t>
    </rPh>
    <rPh sb="16" eb="17">
      <t>シマ</t>
    </rPh>
    <rPh sb="30" eb="31">
      <t>カイ</t>
    </rPh>
    <phoneticPr fontId="3"/>
  </si>
  <si>
    <t>スギ薬局　梅田店</t>
    <rPh sb="2" eb="4">
      <t>ヤッキョク</t>
    </rPh>
    <rPh sb="5" eb="8">
      <t>ウメダテン</t>
    </rPh>
    <phoneticPr fontId="3"/>
  </si>
  <si>
    <t>北区芝田一丁目１－２３</t>
    <rPh sb="0" eb="2">
      <t>キタク</t>
    </rPh>
    <rPh sb="2" eb="4">
      <t>シバタ</t>
    </rPh>
    <rPh sb="4" eb="7">
      <t>イチチョウメ</t>
    </rPh>
    <phoneticPr fontId="3"/>
  </si>
  <si>
    <t>ほんじょう薬局　長柄店</t>
    <rPh sb="5" eb="7">
      <t>ヤッキョク</t>
    </rPh>
    <rPh sb="8" eb="10">
      <t>ナガラ</t>
    </rPh>
    <rPh sb="10" eb="11">
      <t>テン</t>
    </rPh>
    <phoneticPr fontId="3"/>
  </si>
  <si>
    <t>北区長柄中二丁目１－４</t>
    <rPh sb="0" eb="2">
      <t>キタク</t>
    </rPh>
    <rPh sb="2" eb="4">
      <t>ナガラ</t>
    </rPh>
    <rPh sb="4" eb="5">
      <t>ナカ</t>
    </rPh>
    <rPh sb="5" eb="6">
      <t>ニ</t>
    </rPh>
    <rPh sb="6" eb="8">
      <t>チョウメ</t>
    </rPh>
    <phoneticPr fontId="3"/>
  </si>
  <si>
    <t>天神橋ゆーあい薬局</t>
    <rPh sb="0" eb="3">
      <t>テンジンバシ</t>
    </rPh>
    <rPh sb="7" eb="9">
      <t>ヤッキョク</t>
    </rPh>
    <phoneticPr fontId="3"/>
  </si>
  <si>
    <t>北区天神橋四丁目７－２　
南扇町ビル　１階</t>
    <rPh sb="0" eb="2">
      <t>キタク</t>
    </rPh>
    <rPh sb="2" eb="5">
      <t>テンジンバシ</t>
    </rPh>
    <rPh sb="5" eb="8">
      <t>４チョウメ</t>
    </rPh>
    <rPh sb="13" eb="14">
      <t>ミナミ</t>
    </rPh>
    <rPh sb="14" eb="16">
      <t>オウギマチ</t>
    </rPh>
    <rPh sb="20" eb="21">
      <t>カイ</t>
    </rPh>
    <phoneticPr fontId="3"/>
  </si>
  <si>
    <t>クオール薬局　西梅田店</t>
    <rPh sb="4" eb="6">
      <t>ヤッキョク</t>
    </rPh>
    <rPh sb="7" eb="8">
      <t>ニシ</t>
    </rPh>
    <rPh sb="8" eb="10">
      <t>ウメダ</t>
    </rPh>
    <rPh sb="10" eb="11">
      <t>テン</t>
    </rPh>
    <phoneticPr fontId="3"/>
  </si>
  <si>
    <t>北区梅田三丁目２－６２</t>
    <rPh sb="0" eb="2">
      <t>キタク</t>
    </rPh>
    <rPh sb="2" eb="4">
      <t>ウメダ</t>
    </rPh>
    <rPh sb="4" eb="7">
      <t>３チョウメ</t>
    </rPh>
    <phoneticPr fontId="3"/>
  </si>
  <si>
    <t>クオール薬局　堂島店</t>
    <rPh sb="4" eb="6">
      <t>ヤッキョク</t>
    </rPh>
    <rPh sb="7" eb="9">
      <t>ドウジマ</t>
    </rPh>
    <rPh sb="9" eb="10">
      <t>ミセ</t>
    </rPh>
    <phoneticPr fontId="3"/>
  </si>
  <si>
    <t>北区堂島二丁目４－２７　
新藤田ビル　地下１階</t>
    <rPh sb="0" eb="2">
      <t>キタク</t>
    </rPh>
    <rPh sb="2" eb="4">
      <t>ドウジマ</t>
    </rPh>
    <rPh sb="4" eb="7">
      <t>２チョウメ</t>
    </rPh>
    <rPh sb="13" eb="14">
      <t>シン</t>
    </rPh>
    <rPh sb="14" eb="16">
      <t>フジタ</t>
    </rPh>
    <rPh sb="19" eb="21">
      <t>チカ</t>
    </rPh>
    <rPh sb="22" eb="23">
      <t>カイ</t>
    </rPh>
    <phoneticPr fontId="3"/>
  </si>
  <si>
    <t>美波薬局</t>
    <rPh sb="0" eb="1">
      <t>ミ</t>
    </rPh>
    <rPh sb="1" eb="2">
      <t>ナミ</t>
    </rPh>
    <rPh sb="2" eb="4">
      <t>ヤッキョク</t>
    </rPh>
    <phoneticPr fontId="3"/>
  </si>
  <si>
    <t>530-0034</t>
  </si>
  <si>
    <t>北区錦町３－７　
グランフォースビル　１階</t>
    <rPh sb="0" eb="2">
      <t>キタク</t>
    </rPh>
    <rPh sb="2" eb="3">
      <t>ニシキ</t>
    </rPh>
    <rPh sb="3" eb="4">
      <t>マチ</t>
    </rPh>
    <rPh sb="20" eb="21">
      <t>カイ</t>
    </rPh>
    <phoneticPr fontId="3"/>
  </si>
  <si>
    <t>アピス薬局　新梅田店</t>
    <rPh sb="3" eb="5">
      <t>ヤッキョク</t>
    </rPh>
    <rPh sb="6" eb="7">
      <t>シン</t>
    </rPh>
    <rPh sb="7" eb="9">
      <t>ウメダ</t>
    </rPh>
    <rPh sb="9" eb="10">
      <t>テン</t>
    </rPh>
    <phoneticPr fontId="3"/>
  </si>
  <si>
    <t>北区大淀中三丁目１１－３２－Ｅ　
ドムール北三番館　１階</t>
    <rPh sb="0" eb="2">
      <t>キタク</t>
    </rPh>
    <rPh sb="2" eb="4">
      <t>オオヨド</t>
    </rPh>
    <rPh sb="4" eb="5">
      <t>ナカ</t>
    </rPh>
    <rPh sb="5" eb="8">
      <t>３チョウメ</t>
    </rPh>
    <rPh sb="21" eb="22">
      <t>キタ</t>
    </rPh>
    <rPh sb="22" eb="24">
      <t>サンバン</t>
    </rPh>
    <rPh sb="24" eb="25">
      <t>カン</t>
    </rPh>
    <rPh sb="27" eb="28">
      <t>カイ</t>
    </rPh>
    <phoneticPr fontId="3"/>
  </si>
  <si>
    <t>ラベンダー薬局</t>
    <rPh sb="5" eb="7">
      <t>ヤッキョク</t>
    </rPh>
    <phoneticPr fontId="3"/>
  </si>
  <si>
    <t>北区天神橋二丁目北１－２１　
八千代ビル東館　１階</t>
    <rPh sb="0" eb="2">
      <t>キタク</t>
    </rPh>
    <rPh sb="2" eb="5">
      <t>テンジンバシ</t>
    </rPh>
    <rPh sb="5" eb="8">
      <t>ニチョウメ</t>
    </rPh>
    <rPh sb="8" eb="9">
      <t>キタ</t>
    </rPh>
    <rPh sb="15" eb="18">
      <t>ヤチヨ</t>
    </rPh>
    <rPh sb="20" eb="21">
      <t>ヒガシ</t>
    </rPh>
    <rPh sb="21" eb="22">
      <t>ヤカタ</t>
    </rPh>
    <rPh sb="24" eb="25">
      <t>カイ</t>
    </rPh>
    <phoneticPr fontId="3"/>
  </si>
  <si>
    <t>さくら薬局　大阪本庄西店</t>
    <rPh sb="3" eb="5">
      <t>ヤッキョク</t>
    </rPh>
    <rPh sb="6" eb="8">
      <t>オオサカ</t>
    </rPh>
    <rPh sb="8" eb="11">
      <t>ホンジョウニシ</t>
    </rPh>
    <rPh sb="11" eb="12">
      <t>テン</t>
    </rPh>
    <phoneticPr fontId="3"/>
  </si>
  <si>
    <t>北区本庄西二丁目５－２０</t>
    <rPh sb="0" eb="2">
      <t>キタク</t>
    </rPh>
    <rPh sb="2" eb="5">
      <t>ホンジョウニシ</t>
    </rPh>
    <rPh sb="5" eb="8">
      <t>ニチョウメ</t>
    </rPh>
    <phoneticPr fontId="3"/>
  </si>
  <si>
    <t>キリン堂薬局　ハービスプラザ店</t>
    <rPh sb="3" eb="4">
      <t>ドウ</t>
    </rPh>
    <rPh sb="4" eb="6">
      <t>ヤッキョク</t>
    </rPh>
    <rPh sb="14" eb="15">
      <t>ミセ</t>
    </rPh>
    <phoneticPr fontId="3"/>
  </si>
  <si>
    <t>北区梅田二丁目５－２５　
梅田阪神第１ビルディング　４階</t>
    <rPh sb="0" eb="2">
      <t>キタク</t>
    </rPh>
    <rPh sb="2" eb="4">
      <t>ウメダ</t>
    </rPh>
    <rPh sb="4" eb="7">
      <t>ニチョウメ</t>
    </rPh>
    <rPh sb="13" eb="15">
      <t>ウメダ</t>
    </rPh>
    <rPh sb="15" eb="17">
      <t>ハンシン</t>
    </rPh>
    <rPh sb="17" eb="18">
      <t>ダイ</t>
    </rPh>
    <rPh sb="27" eb="28">
      <t>カイ</t>
    </rPh>
    <phoneticPr fontId="3"/>
  </si>
  <si>
    <t>アピス薬局　天六店</t>
    <rPh sb="3" eb="5">
      <t>ヤッキョク</t>
    </rPh>
    <rPh sb="6" eb="7">
      <t>テン</t>
    </rPh>
    <rPh sb="7" eb="8">
      <t>ロク</t>
    </rPh>
    <rPh sb="8" eb="9">
      <t>ミセ</t>
    </rPh>
    <phoneticPr fontId="3"/>
  </si>
  <si>
    <t>北区天神橋六丁目６－１１　
エレガントビル大阪　１０２</t>
    <rPh sb="0" eb="2">
      <t>キタク</t>
    </rPh>
    <rPh sb="2" eb="5">
      <t>テンジンバシ</t>
    </rPh>
    <rPh sb="5" eb="8">
      <t>ロクチョウメ</t>
    </rPh>
    <rPh sb="21" eb="23">
      <t>オオサカ</t>
    </rPh>
    <phoneticPr fontId="3"/>
  </si>
  <si>
    <t>4103843</t>
  </si>
  <si>
    <t>アダチ薬局</t>
    <rPh sb="3" eb="5">
      <t>ヤッキョク</t>
    </rPh>
    <phoneticPr fontId="3"/>
  </si>
  <si>
    <t>北区黒崎町９－８</t>
    <rPh sb="0" eb="2">
      <t>キタク</t>
    </rPh>
    <rPh sb="2" eb="4">
      <t>クロサキ</t>
    </rPh>
    <rPh sb="4" eb="5">
      <t>チョウ</t>
    </rPh>
    <phoneticPr fontId="3"/>
  </si>
  <si>
    <t>4103850</t>
  </si>
  <si>
    <t>オレンジ薬局　天神橋筋五丁目店</t>
    <rPh sb="4" eb="6">
      <t>ヤッキョク</t>
    </rPh>
    <rPh sb="7" eb="10">
      <t>テンジンバシ</t>
    </rPh>
    <rPh sb="10" eb="11">
      <t>スジ</t>
    </rPh>
    <rPh sb="11" eb="14">
      <t>ゴチョウメ</t>
    </rPh>
    <rPh sb="14" eb="15">
      <t>テン</t>
    </rPh>
    <phoneticPr fontId="3"/>
  </si>
  <si>
    <t>北区黒崎町６－２０</t>
    <rPh sb="0" eb="2">
      <t>キタク</t>
    </rPh>
    <rPh sb="2" eb="5">
      <t>クロサキチョウ</t>
    </rPh>
    <phoneticPr fontId="3"/>
  </si>
  <si>
    <t>北区</t>
  </si>
  <si>
    <t>4103884</t>
  </si>
  <si>
    <t>北区梅田二丁目１－３　
桜橋御幸ビル　１階</t>
    <rPh sb="0" eb="2">
      <t>キタク</t>
    </rPh>
    <rPh sb="2" eb="4">
      <t>ウメダ</t>
    </rPh>
    <rPh sb="4" eb="7">
      <t>ニチョウメ</t>
    </rPh>
    <rPh sb="12" eb="14">
      <t>サクラバシ</t>
    </rPh>
    <rPh sb="14" eb="16">
      <t>ミユキ</t>
    </rPh>
    <rPh sb="20" eb="21">
      <t>カイ</t>
    </rPh>
    <phoneticPr fontId="3"/>
  </si>
  <si>
    <t>都島区</t>
    <rPh sb="0" eb="3">
      <t>ミヤコジマク</t>
    </rPh>
    <phoneticPr fontId="3"/>
  </si>
  <si>
    <t>市民薬局</t>
    <rPh sb="0" eb="2">
      <t>シミン</t>
    </rPh>
    <rPh sb="2" eb="4">
      <t>ヤッキョク</t>
    </rPh>
    <phoneticPr fontId="3"/>
  </si>
  <si>
    <t>都島区東野田町五丁目９－２</t>
    <rPh sb="0" eb="3">
      <t>ミヤコジマク</t>
    </rPh>
    <rPh sb="3" eb="6">
      <t>ヒガシノダ</t>
    </rPh>
    <rPh sb="6" eb="7">
      <t>チョウ</t>
    </rPh>
    <rPh sb="7" eb="10">
      <t>ゴチョウメ</t>
    </rPh>
    <phoneticPr fontId="3"/>
  </si>
  <si>
    <t>都島区東野田町三丁目４－１５　
京屋ビル　４階</t>
    <rPh sb="7" eb="10">
      <t>サンチョウメ</t>
    </rPh>
    <rPh sb="16" eb="17">
      <t>キョウ</t>
    </rPh>
    <rPh sb="17" eb="18">
      <t>ヤ</t>
    </rPh>
    <phoneticPr fontId="3"/>
  </si>
  <si>
    <t>佐藤薬局</t>
    <rPh sb="0" eb="2">
      <t>サトウ</t>
    </rPh>
    <rPh sb="2" eb="4">
      <t>ヤッキョク</t>
    </rPh>
    <phoneticPr fontId="3"/>
  </si>
  <si>
    <t>都島区中野町三丁目３－２３</t>
    <rPh sb="0" eb="3">
      <t>ミヤコジマク</t>
    </rPh>
    <rPh sb="3" eb="6">
      <t>ナカノチョウ</t>
    </rPh>
    <rPh sb="6" eb="9">
      <t>サンチョウメ</t>
    </rPh>
    <phoneticPr fontId="3"/>
  </si>
  <si>
    <t>小島太陽堂薬局</t>
    <rPh sb="0" eb="2">
      <t>コジマ</t>
    </rPh>
    <rPh sb="2" eb="4">
      <t>タイヨウ</t>
    </rPh>
    <rPh sb="4" eb="5">
      <t>ドウ</t>
    </rPh>
    <rPh sb="5" eb="7">
      <t>ヤッキョク</t>
    </rPh>
    <phoneticPr fontId="3"/>
  </si>
  <si>
    <t>都島区都島南通二丁目１４－２２</t>
    <rPh sb="0" eb="3">
      <t>ミヤコジマク</t>
    </rPh>
    <rPh sb="3" eb="5">
      <t>ミヤコジマ</t>
    </rPh>
    <rPh sb="5" eb="6">
      <t>ミナミ</t>
    </rPh>
    <rPh sb="6" eb="7">
      <t>ドオ</t>
    </rPh>
    <rPh sb="7" eb="10">
      <t>ニチョウメ</t>
    </rPh>
    <phoneticPr fontId="3"/>
  </si>
  <si>
    <t>高砂典薬院薬局</t>
    <rPh sb="0" eb="2">
      <t>タカサゴ</t>
    </rPh>
    <rPh sb="2" eb="3">
      <t>テン</t>
    </rPh>
    <rPh sb="3" eb="4">
      <t>ヤク</t>
    </rPh>
    <rPh sb="4" eb="5">
      <t>イン</t>
    </rPh>
    <rPh sb="5" eb="7">
      <t>ヤッキョク</t>
    </rPh>
    <phoneticPr fontId="3"/>
  </si>
  <si>
    <t>都島区善源寺町一丁目３－１９</t>
    <rPh sb="0" eb="3">
      <t>ミヤコジマク</t>
    </rPh>
    <rPh sb="3" eb="4">
      <t>ゼン</t>
    </rPh>
    <rPh sb="4" eb="5">
      <t>ミナモト</t>
    </rPh>
    <rPh sb="5" eb="6">
      <t>デラ</t>
    </rPh>
    <rPh sb="6" eb="7">
      <t>マチ</t>
    </rPh>
    <rPh sb="7" eb="10">
      <t>イッチョウメ</t>
    </rPh>
    <phoneticPr fontId="3"/>
  </si>
  <si>
    <t>吉川薬局</t>
    <rPh sb="0" eb="1">
      <t>ヨシ</t>
    </rPh>
    <rPh sb="1" eb="2">
      <t>カワ</t>
    </rPh>
    <rPh sb="2" eb="4">
      <t>ヤッキョク</t>
    </rPh>
    <phoneticPr fontId="3"/>
  </si>
  <si>
    <t>都島区都島中通二丁目７－２３</t>
    <rPh sb="0" eb="3">
      <t>ミヤコジマク</t>
    </rPh>
    <rPh sb="3" eb="7">
      <t>ミヤコジマナカドオリ</t>
    </rPh>
    <rPh sb="7" eb="10">
      <t>ニチョウメ</t>
    </rPh>
    <phoneticPr fontId="3"/>
  </si>
  <si>
    <t>ヘルシー２1スミヨシ薬局</t>
    <rPh sb="10" eb="12">
      <t>ヤッキョク</t>
    </rPh>
    <phoneticPr fontId="3"/>
  </si>
  <si>
    <t>都島区中野町五丁目１３－４　
タワープラザアベニュー内</t>
    <rPh sb="0" eb="2">
      <t>ミヤコジマ</t>
    </rPh>
    <rPh sb="2" eb="3">
      <t>ク</t>
    </rPh>
    <rPh sb="3" eb="6">
      <t>ナカノチョウ</t>
    </rPh>
    <rPh sb="6" eb="9">
      <t>ゴチョウメ</t>
    </rPh>
    <rPh sb="26" eb="27">
      <t>ナイ</t>
    </rPh>
    <phoneticPr fontId="3"/>
  </si>
  <si>
    <t>都島区都島本通三丁目１－１　
山形ビル　１階</t>
    <rPh sb="0" eb="3">
      <t>ミヤコジマク</t>
    </rPh>
    <rPh sb="3" eb="7">
      <t>ミヤコジマホンドオリ</t>
    </rPh>
    <rPh sb="7" eb="10">
      <t>サンチョウメ</t>
    </rPh>
    <rPh sb="15" eb="17">
      <t>ヤマガタ</t>
    </rPh>
    <rPh sb="21" eb="22">
      <t>カイ</t>
    </rPh>
    <phoneticPr fontId="3"/>
  </si>
  <si>
    <t>都島区大東町一丁目９－５</t>
    <rPh sb="0" eb="3">
      <t>ミヤコジマク</t>
    </rPh>
    <rPh sb="3" eb="5">
      <t>オオヒガシ</t>
    </rPh>
    <rPh sb="5" eb="6">
      <t>チョウ</t>
    </rPh>
    <rPh sb="6" eb="9">
      <t>イッチョウメ</t>
    </rPh>
    <phoneticPr fontId="3"/>
  </si>
  <si>
    <t>ベル薬局</t>
    <rPh sb="2" eb="4">
      <t>ヤッキョク</t>
    </rPh>
    <phoneticPr fontId="3"/>
  </si>
  <si>
    <t>都島区高倉町二丁目１－４</t>
    <rPh sb="0" eb="3">
      <t>ミヤコジマク</t>
    </rPh>
    <rPh sb="3" eb="6">
      <t>タカクラチョウ</t>
    </rPh>
    <rPh sb="6" eb="9">
      <t>ニチョウメ</t>
    </rPh>
    <phoneticPr fontId="3"/>
  </si>
  <si>
    <t>エリア薬局</t>
    <rPh sb="3" eb="5">
      <t>ヤッキョク</t>
    </rPh>
    <phoneticPr fontId="3"/>
  </si>
  <si>
    <t>都島区都島中通三丁目１３－２２</t>
    <rPh sb="0" eb="3">
      <t>ミヤコジマク</t>
    </rPh>
    <rPh sb="3" eb="5">
      <t>ミヤコジマ</t>
    </rPh>
    <rPh sb="5" eb="6">
      <t>ナカ</t>
    </rPh>
    <rPh sb="6" eb="7">
      <t>トオ</t>
    </rPh>
    <rPh sb="7" eb="10">
      <t>サンチョウメ</t>
    </rPh>
    <phoneticPr fontId="3"/>
  </si>
  <si>
    <t>エムケー薬局</t>
    <rPh sb="4" eb="6">
      <t>ヤッキョク</t>
    </rPh>
    <phoneticPr fontId="3"/>
  </si>
  <si>
    <t>都島区都島本通二丁目１４－４　
コマイビル　１階</t>
    <rPh sb="0" eb="3">
      <t>ミヤコジマク</t>
    </rPh>
    <rPh sb="3" eb="7">
      <t>ミヤコジマホンドオリ</t>
    </rPh>
    <rPh sb="7" eb="10">
      <t>ニチョウメ</t>
    </rPh>
    <rPh sb="23" eb="24">
      <t>カイ</t>
    </rPh>
    <phoneticPr fontId="3"/>
  </si>
  <si>
    <t>命門堂漢方薬局</t>
    <rPh sb="0" eb="1">
      <t>メイ</t>
    </rPh>
    <rPh sb="1" eb="2">
      <t>モン</t>
    </rPh>
    <rPh sb="2" eb="3">
      <t>ドウ</t>
    </rPh>
    <rPh sb="3" eb="5">
      <t>カンポウ</t>
    </rPh>
    <rPh sb="5" eb="7">
      <t>ヤッキョク</t>
    </rPh>
    <phoneticPr fontId="3"/>
  </si>
  <si>
    <t>都島区中野町四丁目１１－１１</t>
    <rPh sb="0" eb="3">
      <t>ミヤコジマク</t>
    </rPh>
    <rPh sb="3" eb="6">
      <t>ナカノチョウ</t>
    </rPh>
    <rPh sb="6" eb="9">
      <t>ヨンチョウメ</t>
    </rPh>
    <phoneticPr fontId="3"/>
  </si>
  <si>
    <t>堀川薬局</t>
    <rPh sb="0" eb="2">
      <t>ホリカワ</t>
    </rPh>
    <rPh sb="2" eb="4">
      <t>ヤッキョク</t>
    </rPh>
    <phoneticPr fontId="3"/>
  </si>
  <si>
    <t>都島区都島本通三丁目１７－１２</t>
    <rPh sb="0" eb="3">
      <t>ミヤコジマク</t>
    </rPh>
    <rPh sb="3" eb="7">
      <t>ミヤコジマホンドオリ</t>
    </rPh>
    <rPh sb="7" eb="10">
      <t>サンチョウメ</t>
    </rPh>
    <phoneticPr fontId="3"/>
  </si>
  <si>
    <t>ベル薬局　ローレルスクエア店</t>
    <rPh sb="2" eb="4">
      <t>ヤッキョク</t>
    </rPh>
    <rPh sb="13" eb="14">
      <t>テン</t>
    </rPh>
    <phoneticPr fontId="3"/>
  </si>
  <si>
    <t>都島区友渕町一丁目６－２－１</t>
    <rPh sb="0" eb="3">
      <t>ミヤコジマク</t>
    </rPh>
    <rPh sb="3" eb="4">
      <t>トモ</t>
    </rPh>
    <rPh sb="4" eb="5">
      <t>フチ</t>
    </rPh>
    <rPh sb="5" eb="6">
      <t>チョウ</t>
    </rPh>
    <rPh sb="6" eb="9">
      <t>イッチョウメ</t>
    </rPh>
    <phoneticPr fontId="3"/>
  </si>
  <si>
    <t>なの花薬局　都島店</t>
    <rPh sb="2" eb="3">
      <t>ハナ</t>
    </rPh>
    <rPh sb="3" eb="5">
      <t>ヤッキョク</t>
    </rPh>
    <rPh sb="6" eb="9">
      <t>ミヤコジマテン</t>
    </rPh>
    <phoneticPr fontId="3"/>
  </si>
  <si>
    <t>都島区都島本通二丁目１４－２</t>
    <rPh sb="0" eb="3">
      <t>ミヤコジマク</t>
    </rPh>
    <rPh sb="3" eb="7">
      <t>ミヤコジマホンドオリ</t>
    </rPh>
    <rPh sb="7" eb="10">
      <t>ニチョウメ</t>
    </rPh>
    <phoneticPr fontId="3"/>
  </si>
  <si>
    <t>都島区都島本通三丁目９－３</t>
    <rPh sb="0" eb="3">
      <t>ミヤコジマク</t>
    </rPh>
    <rPh sb="3" eb="7">
      <t>ミヤコジマホンドオリ</t>
    </rPh>
    <rPh sb="7" eb="10">
      <t>サンチョウメ</t>
    </rPh>
    <phoneticPr fontId="3"/>
  </si>
  <si>
    <t>のぞみ薬局</t>
    <rPh sb="3" eb="5">
      <t>ヤッキョク</t>
    </rPh>
    <phoneticPr fontId="3"/>
  </si>
  <si>
    <t>都島区中野町五丁目１０－１２７　
カーサ日東　１階</t>
    <rPh sb="0" eb="3">
      <t>ミヤコジマク</t>
    </rPh>
    <rPh sb="3" eb="6">
      <t>ナカノチョウ</t>
    </rPh>
    <rPh sb="6" eb="9">
      <t>ゴチョウメ</t>
    </rPh>
    <rPh sb="20" eb="22">
      <t>ニットウ</t>
    </rPh>
    <rPh sb="24" eb="25">
      <t>カイ</t>
    </rPh>
    <phoneticPr fontId="3"/>
  </si>
  <si>
    <t>すみれ薬局　都島店</t>
    <rPh sb="3" eb="5">
      <t>ヤッキョク</t>
    </rPh>
    <rPh sb="6" eb="9">
      <t>ミヤコジマテン</t>
    </rPh>
    <phoneticPr fontId="3"/>
  </si>
  <si>
    <t>都島区高倉町二丁目９－８　
高倉マンション　１階</t>
    <rPh sb="0" eb="3">
      <t>ミヤコジマク</t>
    </rPh>
    <rPh sb="3" eb="6">
      <t>タカクラマチ</t>
    </rPh>
    <rPh sb="6" eb="9">
      <t>ニチョウメ</t>
    </rPh>
    <rPh sb="14" eb="16">
      <t>タカクラ</t>
    </rPh>
    <rPh sb="23" eb="24">
      <t>カイ</t>
    </rPh>
    <phoneticPr fontId="3"/>
  </si>
  <si>
    <t>都島区都島本通一丁目５－４　
圓相第一マンション　１階</t>
    <rPh sb="0" eb="3">
      <t>ミヤコジマク</t>
    </rPh>
    <rPh sb="3" eb="7">
      <t>ミヤコジマホンドオリ</t>
    </rPh>
    <rPh sb="7" eb="10">
      <t>イッチョウメ</t>
    </rPh>
    <rPh sb="15" eb="16">
      <t>マル</t>
    </rPh>
    <rPh sb="16" eb="17">
      <t>ソウ</t>
    </rPh>
    <rPh sb="17" eb="19">
      <t>ダイイチ</t>
    </rPh>
    <rPh sb="26" eb="27">
      <t>カイ</t>
    </rPh>
    <phoneticPr fontId="3"/>
  </si>
  <si>
    <t>都島区都島本通三丁目９－４</t>
    <rPh sb="0" eb="3">
      <t>ミヤコジマク</t>
    </rPh>
    <rPh sb="3" eb="5">
      <t>ミヤコジマ</t>
    </rPh>
    <rPh sb="5" eb="7">
      <t>ホンドオリ</t>
    </rPh>
    <rPh sb="7" eb="10">
      <t>サンチョウメ</t>
    </rPh>
    <phoneticPr fontId="3"/>
  </si>
  <si>
    <t>都島区都島本通一丁目２１－２０</t>
    <rPh sb="7" eb="10">
      <t>イッチョウメ</t>
    </rPh>
    <phoneticPr fontId="3"/>
  </si>
  <si>
    <t>都島区東野田町五丁目９－３０</t>
    <rPh sb="0" eb="3">
      <t>ミヤコジマク</t>
    </rPh>
    <rPh sb="3" eb="6">
      <t>ヒガシノダ</t>
    </rPh>
    <rPh sb="6" eb="7">
      <t>チョウ</t>
    </rPh>
    <rPh sb="7" eb="10">
      <t>ゴチョウメ</t>
    </rPh>
    <phoneticPr fontId="3"/>
  </si>
  <si>
    <t>スピカ薬局</t>
    <rPh sb="3" eb="5">
      <t>ヤッキョク</t>
    </rPh>
    <phoneticPr fontId="3"/>
  </si>
  <si>
    <t>都島区高倉町一丁目７－７</t>
    <rPh sb="0" eb="3">
      <t>ミヤコジマク</t>
    </rPh>
    <rPh sb="3" eb="6">
      <t>タカクラチョウ</t>
    </rPh>
    <rPh sb="6" eb="9">
      <t>イッチョウメ</t>
    </rPh>
    <phoneticPr fontId="3"/>
  </si>
  <si>
    <t>都島健民薬局</t>
    <rPh sb="0" eb="2">
      <t>ミヤコジマ</t>
    </rPh>
    <rPh sb="2" eb="3">
      <t>ケン</t>
    </rPh>
    <rPh sb="3" eb="4">
      <t>ミン</t>
    </rPh>
    <rPh sb="4" eb="6">
      <t>ヤッキョク</t>
    </rPh>
    <phoneticPr fontId="3"/>
  </si>
  <si>
    <t>都島区都島南通二丁目８－１２</t>
    <rPh sb="0" eb="3">
      <t>ミヤコジマク</t>
    </rPh>
    <rPh sb="3" eb="5">
      <t>ミヤコジマ</t>
    </rPh>
    <rPh sb="5" eb="6">
      <t>ミナミ</t>
    </rPh>
    <rPh sb="6" eb="7">
      <t>トオリ</t>
    </rPh>
    <rPh sb="7" eb="10">
      <t>ニチョウメ</t>
    </rPh>
    <phoneticPr fontId="3"/>
  </si>
  <si>
    <t>スギ薬局　都島北通店</t>
    <rPh sb="2" eb="4">
      <t>ヤッキョク</t>
    </rPh>
    <rPh sb="5" eb="7">
      <t>ミヤコジマ</t>
    </rPh>
    <rPh sb="7" eb="8">
      <t>キタ</t>
    </rPh>
    <rPh sb="8" eb="9">
      <t>ドオ</t>
    </rPh>
    <rPh sb="9" eb="10">
      <t>テン</t>
    </rPh>
    <phoneticPr fontId="3"/>
  </si>
  <si>
    <t>都島区都島北通一丁目７－１２</t>
    <rPh sb="0" eb="3">
      <t>ミヤコジマク</t>
    </rPh>
    <rPh sb="3" eb="5">
      <t>ミヤコジマ</t>
    </rPh>
    <rPh sb="5" eb="6">
      <t>キタ</t>
    </rPh>
    <rPh sb="6" eb="7">
      <t>ドオ</t>
    </rPh>
    <rPh sb="7" eb="10">
      <t>イッチョウメ</t>
    </rPh>
    <phoneticPr fontId="3"/>
  </si>
  <si>
    <t>やすらぎ薬局　内代店</t>
    <rPh sb="4" eb="6">
      <t>ヤッキョク</t>
    </rPh>
    <rPh sb="7" eb="8">
      <t>ウチ</t>
    </rPh>
    <rPh sb="8" eb="9">
      <t>ダイ</t>
    </rPh>
    <rPh sb="9" eb="10">
      <t>テン</t>
    </rPh>
    <phoneticPr fontId="3"/>
  </si>
  <si>
    <t>都島区内代町一丁目７－１１</t>
    <rPh sb="0" eb="3">
      <t>ミヤコジマク</t>
    </rPh>
    <rPh sb="3" eb="5">
      <t>ウチンダイ</t>
    </rPh>
    <rPh sb="5" eb="6">
      <t>チョウ</t>
    </rPh>
    <rPh sb="6" eb="7">
      <t>イチ</t>
    </rPh>
    <rPh sb="7" eb="9">
      <t>チョウメ</t>
    </rPh>
    <phoneticPr fontId="3"/>
  </si>
  <si>
    <t>スギ薬局　都島毛馬店</t>
    <rPh sb="2" eb="4">
      <t>ヤッキョク</t>
    </rPh>
    <rPh sb="5" eb="7">
      <t>ミヤコジマ</t>
    </rPh>
    <rPh sb="7" eb="9">
      <t>ケマ</t>
    </rPh>
    <rPh sb="9" eb="10">
      <t>テン</t>
    </rPh>
    <phoneticPr fontId="3"/>
  </si>
  <si>
    <t>都島区毛馬町二丁目１０－１</t>
    <rPh sb="0" eb="3">
      <t>ミヤコジマク</t>
    </rPh>
    <rPh sb="3" eb="6">
      <t>ケマチョウ</t>
    </rPh>
    <rPh sb="6" eb="9">
      <t>2チョウメ</t>
    </rPh>
    <phoneticPr fontId="3"/>
  </si>
  <si>
    <t>都島区友渕町二丁目１５－２４</t>
    <rPh sb="6" eb="9">
      <t>ニチョウメ</t>
    </rPh>
    <phoneticPr fontId="3"/>
  </si>
  <si>
    <t>都島区都島本通三丁目２６－２２</t>
    <rPh sb="0" eb="3">
      <t>ミヤコジマク</t>
    </rPh>
    <rPh sb="3" eb="5">
      <t>ミヤコジマ</t>
    </rPh>
    <rPh sb="5" eb="7">
      <t>ホンドオリ</t>
    </rPh>
    <rPh sb="7" eb="10">
      <t>サンチョウメ</t>
    </rPh>
    <phoneticPr fontId="3"/>
  </si>
  <si>
    <t>都島センター薬局</t>
    <rPh sb="0" eb="2">
      <t>ミヤコジマ</t>
    </rPh>
    <rPh sb="6" eb="8">
      <t>ヤッキョク</t>
    </rPh>
    <phoneticPr fontId="3"/>
  </si>
  <si>
    <t>都島区都島本通一丁目７－１９　
都島楠風ビル　１階</t>
    <rPh sb="0" eb="3">
      <t>ミヤコジマク</t>
    </rPh>
    <rPh sb="3" eb="5">
      <t>ミヤコジマ</t>
    </rPh>
    <rPh sb="5" eb="7">
      <t>ホンドオリ</t>
    </rPh>
    <rPh sb="7" eb="10">
      <t>イッチョウメ</t>
    </rPh>
    <rPh sb="16" eb="18">
      <t>ミヤコジマ</t>
    </rPh>
    <rPh sb="18" eb="19">
      <t>クス</t>
    </rPh>
    <rPh sb="19" eb="20">
      <t>カゼ</t>
    </rPh>
    <rPh sb="24" eb="25">
      <t>カイ</t>
    </rPh>
    <phoneticPr fontId="3"/>
  </si>
  <si>
    <t>やすらぎ薬局　毛馬店</t>
    <rPh sb="4" eb="6">
      <t>ヤッキョク</t>
    </rPh>
    <rPh sb="7" eb="9">
      <t>ケマ</t>
    </rPh>
    <rPh sb="9" eb="10">
      <t>テン</t>
    </rPh>
    <phoneticPr fontId="3"/>
  </si>
  <si>
    <t>都島区毛馬町二丁目９－２７－１F</t>
    <rPh sb="0" eb="3">
      <t>ミヤコジマク</t>
    </rPh>
    <rPh sb="3" eb="6">
      <t>ケマチョウ</t>
    </rPh>
    <rPh sb="6" eb="9">
      <t>ニチョウメ</t>
    </rPh>
    <phoneticPr fontId="3"/>
  </si>
  <si>
    <t>スノウチ薬局</t>
    <rPh sb="4" eb="6">
      <t>ヤッキョク</t>
    </rPh>
    <phoneticPr fontId="3"/>
  </si>
  <si>
    <t>都島区東野田町五丁目１４－１</t>
    <rPh sb="0" eb="3">
      <t>ミヤコジマク</t>
    </rPh>
    <rPh sb="3" eb="6">
      <t>ヒガシノダ</t>
    </rPh>
    <rPh sb="6" eb="7">
      <t>チョウ</t>
    </rPh>
    <rPh sb="7" eb="10">
      <t>５チョウメ</t>
    </rPh>
    <phoneticPr fontId="3"/>
  </si>
  <si>
    <t>アピス薬局　都島店</t>
    <rPh sb="3" eb="5">
      <t>ヤッキョク</t>
    </rPh>
    <rPh sb="6" eb="8">
      <t>ミヤコジマ</t>
    </rPh>
    <rPh sb="8" eb="9">
      <t>テン</t>
    </rPh>
    <phoneticPr fontId="3"/>
  </si>
  <si>
    <t>都島区内代町一丁目１－２７　
１階</t>
    <rPh sb="0" eb="3">
      <t>ミヤコジマク</t>
    </rPh>
    <rPh sb="3" eb="5">
      <t>ウチンダイ</t>
    </rPh>
    <rPh sb="5" eb="6">
      <t>チョウ</t>
    </rPh>
    <rPh sb="6" eb="9">
      <t>イッチョウメ</t>
    </rPh>
    <rPh sb="16" eb="17">
      <t>カイ</t>
    </rPh>
    <phoneticPr fontId="3"/>
  </si>
  <si>
    <t>そうごう薬局　都島店</t>
    <rPh sb="4" eb="6">
      <t>ヤッキョク</t>
    </rPh>
    <rPh sb="7" eb="10">
      <t>ミヤコジマテン</t>
    </rPh>
    <phoneticPr fontId="3"/>
  </si>
  <si>
    <t>都島区善源寺町二丁目２－２２　
２階</t>
    <rPh sb="0" eb="2">
      <t>ミヤコジマ</t>
    </rPh>
    <rPh sb="2" eb="3">
      <t>ク</t>
    </rPh>
    <rPh sb="3" eb="4">
      <t>ゼン</t>
    </rPh>
    <rPh sb="7" eb="10">
      <t>ニチョウメ</t>
    </rPh>
    <rPh sb="17" eb="18">
      <t>カイ</t>
    </rPh>
    <phoneticPr fontId="3"/>
  </si>
  <si>
    <t>メディセレ薬局</t>
    <rPh sb="5" eb="7">
      <t>ヤッキョク</t>
    </rPh>
    <phoneticPr fontId="3"/>
  </si>
  <si>
    <t>都島区内代町一丁目２－３２　
サンシャイン８８　１階</t>
    <rPh sb="0" eb="3">
      <t>ミヤコジマク</t>
    </rPh>
    <rPh sb="3" eb="5">
      <t>ウチンダイ</t>
    </rPh>
    <rPh sb="5" eb="6">
      <t>チョウ</t>
    </rPh>
    <rPh sb="6" eb="7">
      <t>１</t>
    </rPh>
    <rPh sb="7" eb="9">
      <t>チョウメ</t>
    </rPh>
    <rPh sb="25" eb="26">
      <t>カイ</t>
    </rPh>
    <phoneticPr fontId="3"/>
  </si>
  <si>
    <t>都島区高倉町一丁目１２－１３</t>
    <rPh sb="0" eb="3">
      <t>ミヤコジマク</t>
    </rPh>
    <rPh sb="3" eb="4">
      <t>タカ</t>
    </rPh>
    <rPh sb="4" eb="5">
      <t>クラ</t>
    </rPh>
    <rPh sb="5" eb="6">
      <t>チョウ</t>
    </rPh>
    <rPh sb="6" eb="9">
      <t>イチチョウメ</t>
    </rPh>
    <phoneticPr fontId="3"/>
  </si>
  <si>
    <t>マザー薬局</t>
    <rPh sb="3" eb="5">
      <t>ヤッキョク</t>
    </rPh>
    <phoneticPr fontId="3"/>
  </si>
  <si>
    <t>都島区大東町三丁目４－２４　
１階</t>
    <rPh sb="0" eb="3">
      <t>ミヤコジマク</t>
    </rPh>
    <rPh sb="3" eb="5">
      <t>ダイトウ</t>
    </rPh>
    <rPh sb="5" eb="6">
      <t>チョウ</t>
    </rPh>
    <rPh sb="6" eb="7">
      <t>サン</t>
    </rPh>
    <rPh sb="7" eb="9">
      <t>チョウメ</t>
    </rPh>
    <rPh sb="16" eb="17">
      <t>カイ</t>
    </rPh>
    <phoneticPr fontId="3"/>
  </si>
  <si>
    <t>クオール薬局　京橋駅前店</t>
    <rPh sb="4" eb="6">
      <t>ヤッキョク</t>
    </rPh>
    <rPh sb="7" eb="9">
      <t>キョウバシ</t>
    </rPh>
    <rPh sb="9" eb="11">
      <t>エキマエ</t>
    </rPh>
    <rPh sb="11" eb="12">
      <t>テン</t>
    </rPh>
    <phoneticPr fontId="3"/>
  </si>
  <si>
    <t>都島区東野田町二丁目９－７　
Ｋ２ビル　１階　</t>
    <rPh sb="0" eb="3">
      <t>ミヤコジマク</t>
    </rPh>
    <rPh sb="3" eb="6">
      <t>ヒガシノダ</t>
    </rPh>
    <rPh sb="6" eb="7">
      <t>チョウ</t>
    </rPh>
    <rPh sb="7" eb="8">
      <t>ニ</t>
    </rPh>
    <rPh sb="8" eb="10">
      <t>チョウメ</t>
    </rPh>
    <rPh sb="21" eb="22">
      <t>カイ</t>
    </rPh>
    <phoneticPr fontId="3"/>
  </si>
  <si>
    <t>クオール薬局　都島なかの店</t>
    <rPh sb="4" eb="6">
      <t>ヤッキョク</t>
    </rPh>
    <rPh sb="7" eb="9">
      <t>ミヤコジマ</t>
    </rPh>
    <rPh sb="12" eb="13">
      <t>テン</t>
    </rPh>
    <phoneticPr fontId="3"/>
  </si>
  <si>
    <t>都島区中野町一丁目４－７　
カーサー桜宮　１階</t>
    <rPh sb="0" eb="3">
      <t>ミヤコジマク</t>
    </rPh>
    <rPh sb="3" eb="6">
      <t>ナカノチョウ</t>
    </rPh>
    <rPh sb="6" eb="7">
      <t>イチ</t>
    </rPh>
    <rPh sb="7" eb="9">
      <t>チョウメ</t>
    </rPh>
    <rPh sb="18" eb="19">
      <t>サクラ</t>
    </rPh>
    <rPh sb="19" eb="20">
      <t>ミヤ</t>
    </rPh>
    <rPh sb="22" eb="23">
      <t>カイ</t>
    </rPh>
    <phoneticPr fontId="3"/>
  </si>
  <si>
    <t>キヨシ薬局　都島店</t>
    <rPh sb="3" eb="5">
      <t>ヤッキョク</t>
    </rPh>
    <rPh sb="6" eb="9">
      <t>ミヤコジマテン</t>
    </rPh>
    <phoneticPr fontId="3"/>
  </si>
  <si>
    <t>都島区都島本通三丁目２５－７　
都島コーポ　１階１３号</t>
    <rPh sb="0" eb="3">
      <t>ミヤコジマク</t>
    </rPh>
    <rPh sb="3" eb="7">
      <t>ミヤコジマホンドオリ</t>
    </rPh>
    <rPh sb="7" eb="8">
      <t>サン</t>
    </rPh>
    <rPh sb="8" eb="10">
      <t>チョウメ</t>
    </rPh>
    <rPh sb="16" eb="18">
      <t>ミヤコジマ</t>
    </rPh>
    <rPh sb="23" eb="24">
      <t>カイ</t>
    </rPh>
    <rPh sb="26" eb="27">
      <t>ゴウ</t>
    </rPh>
    <phoneticPr fontId="3"/>
  </si>
  <si>
    <t>フォーユー薬局　都島店</t>
    <rPh sb="5" eb="7">
      <t>ヤッキョク</t>
    </rPh>
    <rPh sb="8" eb="10">
      <t>ミヤコジマ</t>
    </rPh>
    <rPh sb="10" eb="11">
      <t>テン</t>
    </rPh>
    <phoneticPr fontId="3"/>
  </si>
  <si>
    <t>都島区都島本通一丁目４－１９</t>
    <rPh sb="0" eb="3">
      <t>ミヤコジマク</t>
    </rPh>
    <rPh sb="3" eb="5">
      <t>ミヤコジマ</t>
    </rPh>
    <rPh sb="5" eb="7">
      <t>ホンドオ</t>
    </rPh>
    <rPh sb="7" eb="10">
      <t>イチチョウメ</t>
    </rPh>
    <phoneticPr fontId="3"/>
  </si>
  <si>
    <t>あけぼの薬局　都島店</t>
    <rPh sb="4" eb="6">
      <t>ヤッキョク</t>
    </rPh>
    <rPh sb="7" eb="10">
      <t>ミヤコジマテン</t>
    </rPh>
    <phoneticPr fontId="3"/>
  </si>
  <si>
    <t>都島区毛馬町二丁目１１－３６－１０５</t>
    <rPh sb="0" eb="3">
      <t>ミヤコジマク</t>
    </rPh>
    <rPh sb="3" eb="4">
      <t>ケ</t>
    </rPh>
    <rPh sb="4" eb="5">
      <t>ウマ</t>
    </rPh>
    <rPh sb="5" eb="6">
      <t>チョウ</t>
    </rPh>
    <rPh sb="6" eb="9">
      <t>ニチョウメ</t>
    </rPh>
    <phoneticPr fontId="3"/>
  </si>
  <si>
    <t>やすらぎ薬局　京橋店</t>
    <rPh sb="4" eb="6">
      <t>ヤッキョク</t>
    </rPh>
    <rPh sb="7" eb="10">
      <t>キョウバシテン</t>
    </rPh>
    <phoneticPr fontId="3"/>
  </si>
  <si>
    <t>都島区都島南通二丁目１４－２５　
ダゼアマンション　別棟</t>
    <rPh sb="0" eb="3">
      <t>ミヤコジマク</t>
    </rPh>
    <rPh sb="3" eb="5">
      <t>ミヤコジマ</t>
    </rPh>
    <rPh sb="5" eb="6">
      <t>ミナミ</t>
    </rPh>
    <rPh sb="6" eb="7">
      <t>ツウ</t>
    </rPh>
    <rPh sb="7" eb="10">
      <t>２チョウメ</t>
    </rPh>
    <rPh sb="26" eb="27">
      <t>ベツ</t>
    </rPh>
    <rPh sb="27" eb="28">
      <t>ムネ</t>
    </rPh>
    <phoneticPr fontId="3"/>
  </si>
  <si>
    <t>サエラ薬局　都島店</t>
    <rPh sb="3" eb="5">
      <t>ヤッキョク</t>
    </rPh>
    <rPh sb="6" eb="9">
      <t>ミヤコジマテン</t>
    </rPh>
    <phoneticPr fontId="3"/>
  </si>
  <si>
    <t>都島区都島本通五丁目１４－１１　
１階</t>
    <rPh sb="0" eb="3">
      <t>ミヤコジマク</t>
    </rPh>
    <rPh sb="3" eb="5">
      <t>ミヤコジマ</t>
    </rPh>
    <rPh sb="5" eb="7">
      <t>ホンドオ</t>
    </rPh>
    <rPh sb="7" eb="10">
      <t>５チョウメ</t>
    </rPh>
    <rPh sb="18" eb="19">
      <t>カイ</t>
    </rPh>
    <phoneticPr fontId="3"/>
  </si>
  <si>
    <t>ひかり薬局</t>
    <rPh sb="3" eb="5">
      <t>ヤッキョク</t>
    </rPh>
    <phoneticPr fontId="3"/>
  </si>
  <si>
    <t>都島区東野田町二丁目３－２７　
富士ビル　１階</t>
    <rPh sb="0" eb="3">
      <t>ミヤコジマク</t>
    </rPh>
    <rPh sb="3" eb="6">
      <t>ヒガシノダ</t>
    </rPh>
    <rPh sb="6" eb="7">
      <t>チョウ</t>
    </rPh>
    <rPh sb="7" eb="10">
      <t>２チョウメ</t>
    </rPh>
    <rPh sb="16" eb="18">
      <t>フジ</t>
    </rPh>
    <rPh sb="22" eb="23">
      <t>カイ</t>
    </rPh>
    <phoneticPr fontId="3"/>
  </si>
  <si>
    <t>都島区都島本通二丁目１５－８　
１階</t>
    <rPh sb="0" eb="3">
      <t>ミヤコジマク</t>
    </rPh>
    <rPh sb="3" eb="5">
      <t>ミヤコジマ</t>
    </rPh>
    <rPh sb="5" eb="7">
      <t>ホンドオ</t>
    </rPh>
    <rPh sb="7" eb="10">
      <t>２チョウメ</t>
    </rPh>
    <rPh sb="17" eb="18">
      <t>カイ</t>
    </rPh>
    <phoneticPr fontId="3"/>
  </si>
  <si>
    <t>イオン薬局　京橋店</t>
    <rPh sb="3" eb="5">
      <t>ヤッキョク</t>
    </rPh>
    <rPh sb="6" eb="8">
      <t>キョウバシ</t>
    </rPh>
    <rPh sb="8" eb="9">
      <t>ミセ</t>
    </rPh>
    <phoneticPr fontId="3"/>
  </si>
  <si>
    <t>都島区片町二丁目３－５１　
イオン京橋店　１階</t>
    <rPh sb="0" eb="3">
      <t>ミヤコジマク</t>
    </rPh>
    <rPh sb="3" eb="4">
      <t>カタ</t>
    </rPh>
    <rPh sb="4" eb="5">
      <t>マチ</t>
    </rPh>
    <rPh sb="5" eb="8">
      <t>ニチョウメ</t>
    </rPh>
    <rPh sb="17" eb="19">
      <t>キョウバシ</t>
    </rPh>
    <rPh sb="19" eb="20">
      <t>ミセ</t>
    </rPh>
    <rPh sb="22" eb="23">
      <t>カイ</t>
    </rPh>
    <phoneticPr fontId="3"/>
  </si>
  <si>
    <t>あすか薬局　都島店</t>
    <rPh sb="3" eb="5">
      <t>ヤ</t>
    </rPh>
    <rPh sb="6" eb="8">
      <t>ミヤコジマ</t>
    </rPh>
    <rPh sb="8" eb="9">
      <t>ミセ</t>
    </rPh>
    <phoneticPr fontId="3"/>
  </si>
  <si>
    <t>都島区都島本通三丁目２４－９　
１階</t>
    <rPh sb="0" eb="3">
      <t>ミヤコジマク</t>
    </rPh>
    <rPh sb="3" eb="7">
      <t>ミヤコジマホンドオリ</t>
    </rPh>
    <rPh sb="7" eb="10">
      <t>サンチョウメ</t>
    </rPh>
    <rPh sb="17" eb="18">
      <t>カイ</t>
    </rPh>
    <phoneticPr fontId="3"/>
  </si>
  <si>
    <t>キリン堂薬局　都島本通店</t>
    <rPh sb="3" eb="4">
      <t>ドウ</t>
    </rPh>
    <rPh sb="4" eb="6">
      <t>ヤ</t>
    </rPh>
    <rPh sb="7" eb="9">
      <t>ミヤコジマ</t>
    </rPh>
    <rPh sb="9" eb="11">
      <t>ホンドオ</t>
    </rPh>
    <rPh sb="11" eb="12">
      <t>ミセ</t>
    </rPh>
    <phoneticPr fontId="3"/>
  </si>
  <si>
    <t>都島区都島本通一丁目５－２０</t>
    <rPh sb="0" eb="2">
      <t>ミヤコジマ</t>
    </rPh>
    <rPh sb="2" eb="3">
      <t>ク</t>
    </rPh>
    <rPh sb="3" eb="7">
      <t>ミヤコジマホンドオリ</t>
    </rPh>
    <rPh sb="7" eb="10">
      <t>イッチョウメ</t>
    </rPh>
    <phoneticPr fontId="3"/>
  </si>
  <si>
    <t>アイセイ薬局　都島店</t>
    <rPh sb="4" eb="6">
      <t>ヤ</t>
    </rPh>
    <rPh sb="7" eb="9">
      <t>ミヤコジマ</t>
    </rPh>
    <rPh sb="9" eb="10">
      <t>ミセ</t>
    </rPh>
    <phoneticPr fontId="3"/>
  </si>
  <si>
    <t>都島区友渕町二丁目１５－７ 
ＭＹＳビル　１階</t>
    <rPh sb="0" eb="3">
      <t>ミヤコジマク</t>
    </rPh>
    <rPh sb="3" eb="6">
      <t>トモブチチョウ</t>
    </rPh>
    <rPh sb="6" eb="9">
      <t>ニチョウメ</t>
    </rPh>
    <rPh sb="22" eb="23">
      <t>カイ</t>
    </rPh>
    <phoneticPr fontId="3"/>
  </si>
  <si>
    <t>都島区</t>
  </si>
  <si>
    <t>5201976</t>
  </si>
  <si>
    <t>クオール薬局　都島北通店</t>
    <rPh sb="4" eb="6">
      <t>ヤッキョク</t>
    </rPh>
    <rPh sb="7" eb="9">
      <t>ミヤコジマ</t>
    </rPh>
    <rPh sb="9" eb="11">
      <t>キタドオリ</t>
    </rPh>
    <rPh sb="11" eb="12">
      <t>ミセ</t>
    </rPh>
    <phoneticPr fontId="3"/>
  </si>
  <si>
    <t>都島区都島北通一丁目１３－１６
１階</t>
    <rPh sb="0" eb="3">
      <t>ミヤコジマク</t>
    </rPh>
    <rPh sb="3" eb="7">
      <t>ミヤコジマキタドオリ</t>
    </rPh>
    <rPh sb="7" eb="10">
      <t>イッチョウメ</t>
    </rPh>
    <rPh sb="17" eb="18">
      <t>カイ</t>
    </rPh>
    <phoneticPr fontId="3"/>
  </si>
  <si>
    <t>5201984</t>
  </si>
  <si>
    <t>かりん薬局</t>
    <rPh sb="3" eb="5">
      <t>ヤッキョク</t>
    </rPh>
    <phoneticPr fontId="3"/>
  </si>
  <si>
    <t>都島区都島本通三丁目２３－１９　
エクセレント都島　１階</t>
    <rPh sb="0" eb="3">
      <t>ミヤコジマク</t>
    </rPh>
    <rPh sb="3" eb="7">
      <t>ミヤコジマホンドオリ</t>
    </rPh>
    <rPh sb="7" eb="10">
      <t>サンチョウメ</t>
    </rPh>
    <rPh sb="23" eb="25">
      <t>ミヤコジマ</t>
    </rPh>
    <rPh sb="27" eb="28">
      <t>カイ</t>
    </rPh>
    <phoneticPr fontId="3"/>
  </si>
  <si>
    <t>5201992</t>
  </si>
  <si>
    <t>みゆき薬局</t>
    <rPh sb="3" eb="5">
      <t>ヤッキョク</t>
    </rPh>
    <phoneticPr fontId="3"/>
  </si>
  <si>
    <t>都島区都島中通三丁目５－６　
１階</t>
    <rPh sb="0" eb="3">
      <t>ミヤコジマク</t>
    </rPh>
    <rPh sb="3" eb="7">
      <t>ミヤコジマナカドオリ</t>
    </rPh>
    <rPh sb="7" eb="10">
      <t>サンチョウメ</t>
    </rPh>
    <rPh sb="16" eb="17">
      <t>カイ</t>
    </rPh>
    <phoneticPr fontId="3"/>
  </si>
  <si>
    <t>5202008</t>
  </si>
  <si>
    <t>アポロン薬局</t>
    <rPh sb="4" eb="6">
      <t>ヤッキョク</t>
    </rPh>
    <phoneticPr fontId="3"/>
  </si>
  <si>
    <t>都島区都島本通三丁目８－５　１階</t>
    <rPh sb="0" eb="3">
      <t>ミヤコジマク</t>
    </rPh>
    <rPh sb="3" eb="7">
      <t>ミヤコジマホンドオリ</t>
    </rPh>
    <rPh sb="7" eb="10">
      <t>サンチョウメ</t>
    </rPh>
    <rPh sb="15" eb="16">
      <t>カイ</t>
    </rPh>
    <phoneticPr fontId="3"/>
  </si>
  <si>
    <t>5202016</t>
  </si>
  <si>
    <t>都島区都島北通一丁目３－１９　
小山ビル　１階</t>
    <rPh sb="0" eb="3">
      <t>ミヤコジマク</t>
    </rPh>
    <rPh sb="3" eb="7">
      <t>ミヤコジマキタドオリ</t>
    </rPh>
    <rPh sb="7" eb="8">
      <t>イッ</t>
    </rPh>
    <rPh sb="8" eb="10">
      <t>チョウメ</t>
    </rPh>
    <rPh sb="16" eb="18">
      <t>コヤマ</t>
    </rPh>
    <rPh sb="22" eb="23">
      <t>カイ</t>
    </rPh>
    <phoneticPr fontId="3"/>
  </si>
  <si>
    <t>5202032</t>
  </si>
  <si>
    <t>都島パール薬局</t>
    <rPh sb="0" eb="2">
      <t>ミヤコジマ</t>
    </rPh>
    <rPh sb="5" eb="7">
      <t>ヤッキョク</t>
    </rPh>
    <phoneticPr fontId="3"/>
  </si>
  <si>
    <t>都島区都島南通二丁目４－１１　
１階</t>
    <rPh sb="0" eb="3">
      <t>ミヤコジマク</t>
    </rPh>
    <rPh sb="3" eb="7">
      <t>ミヤコジマミナミドオリ</t>
    </rPh>
    <rPh sb="7" eb="10">
      <t>ニチョウメ</t>
    </rPh>
    <rPh sb="17" eb="18">
      <t>カイ</t>
    </rPh>
    <phoneticPr fontId="3"/>
  </si>
  <si>
    <t>福島区</t>
    <rPh sb="0" eb="3">
      <t>フクシマク</t>
    </rPh>
    <phoneticPr fontId="3"/>
  </si>
  <si>
    <t>栃本天海堂薬局</t>
    <rPh sb="0" eb="1">
      <t>トチモト</t>
    </rPh>
    <rPh sb="1" eb="3">
      <t>テンカイ</t>
    </rPh>
    <rPh sb="3" eb="4">
      <t>ドウ</t>
    </rPh>
    <rPh sb="4" eb="6">
      <t>ヤッキョク</t>
    </rPh>
    <phoneticPr fontId="3"/>
  </si>
  <si>
    <t>福島区福島五丁目１０－３</t>
    <rPh sb="0" eb="3">
      <t>フクシマク</t>
    </rPh>
    <rPh sb="3" eb="5">
      <t>フクシマ</t>
    </rPh>
    <rPh sb="5" eb="8">
      <t>ゴチョウメ</t>
    </rPh>
    <phoneticPr fontId="3"/>
  </si>
  <si>
    <t>クジャク堂薬局</t>
    <rPh sb="3" eb="4">
      <t>ドウ</t>
    </rPh>
    <rPh sb="4" eb="6">
      <t>ヤ</t>
    </rPh>
    <phoneticPr fontId="3"/>
  </si>
  <si>
    <t>福島区大開二丁目１－５</t>
    <rPh sb="0" eb="3">
      <t>フクシマク</t>
    </rPh>
    <rPh sb="3" eb="5">
      <t>オオヒラキ</t>
    </rPh>
    <rPh sb="5" eb="8">
      <t>ニチョウメ</t>
    </rPh>
    <phoneticPr fontId="3"/>
  </si>
  <si>
    <t>イトウ薬局</t>
    <rPh sb="2" eb="4">
      <t>ヤッキョク</t>
    </rPh>
    <phoneticPr fontId="3"/>
  </si>
  <si>
    <t>福島区大開一丁目８－１５</t>
    <rPh sb="0" eb="3">
      <t>フクシマク</t>
    </rPh>
    <rPh sb="3" eb="5">
      <t>オオヒラキ</t>
    </rPh>
    <rPh sb="5" eb="8">
      <t>イッチョウメ</t>
    </rPh>
    <phoneticPr fontId="3"/>
  </si>
  <si>
    <t>塩津延寿堂薬局</t>
    <rPh sb="0" eb="1">
      <t>シオ</t>
    </rPh>
    <rPh sb="1" eb="2">
      <t>ツ</t>
    </rPh>
    <rPh sb="2" eb="4">
      <t>エンジュ</t>
    </rPh>
    <rPh sb="4" eb="5">
      <t>ドウ</t>
    </rPh>
    <rPh sb="5" eb="7">
      <t>ヤッキョク</t>
    </rPh>
    <phoneticPr fontId="3"/>
  </si>
  <si>
    <t>福島区福島八丁目１６－１５－１０２</t>
    <rPh sb="0" eb="3">
      <t>フクシマク</t>
    </rPh>
    <rPh sb="3" eb="5">
      <t>フクシマ</t>
    </rPh>
    <rPh sb="5" eb="7">
      <t>ハッチョウ</t>
    </rPh>
    <rPh sb="7" eb="8">
      <t>メ</t>
    </rPh>
    <phoneticPr fontId="3"/>
  </si>
  <si>
    <t>グリーン薬局</t>
    <rPh sb="3" eb="5">
      <t>ヤ</t>
    </rPh>
    <phoneticPr fontId="3"/>
  </si>
  <si>
    <t>福島区海老江五丁目２－７　
ニュー野田阪神ビル　１０１号</t>
    <rPh sb="0" eb="3">
      <t>フクシマク</t>
    </rPh>
    <rPh sb="3" eb="6">
      <t>エビエ</t>
    </rPh>
    <rPh sb="6" eb="9">
      <t>ゴチョウメ</t>
    </rPh>
    <rPh sb="17" eb="21">
      <t>ノダハンシン</t>
    </rPh>
    <rPh sb="27" eb="28">
      <t>ゴウ</t>
    </rPh>
    <phoneticPr fontId="3"/>
  </si>
  <si>
    <t>聖天薬局</t>
    <rPh sb="0" eb="1">
      <t>テン</t>
    </rPh>
    <rPh sb="1" eb="3">
      <t>ヤ</t>
    </rPh>
    <phoneticPr fontId="3"/>
  </si>
  <si>
    <t>福島区鷺洲二丁目９－１２</t>
    <rPh sb="0" eb="3">
      <t>フクシマク</t>
    </rPh>
    <rPh sb="3" eb="5">
      <t>サギス</t>
    </rPh>
    <rPh sb="5" eb="8">
      <t>ニチョウメ</t>
    </rPh>
    <phoneticPr fontId="3"/>
  </si>
  <si>
    <t>スミレ薬局</t>
    <rPh sb="2" eb="4">
      <t>ヤ</t>
    </rPh>
    <phoneticPr fontId="3"/>
  </si>
  <si>
    <t>福島区福島四丁目２－７２　
かど加賀ビル　１階</t>
    <rPh sb="0" eb="3">
      <t>フクシマク</t>
    </rPh>
    <rPh sb="3" eb="5">
      <t>フクシマ</t>
    </rPh>
    <rPh sb="5" eb="8">
      <t>ヨンチョウメ</t>
    </rPh>
    <rPh sb="16" eb="18">
      <t>カガ</t>
    </rPh>
    <rPh sb="22" eb="23">
      <t>カイ</t>
    </rPh>
    <phoneticPr fontId="3"/>
  </si>
  <si>
    <t>キリン薬局</t>
    <rPh sb="2" eb="4">
      <t>ヤ</t>
    </rPh>
    <phoneticPr fontId="3"/>
  </si>
  <si>
    <t>福島区野田五丁目１１－２４</t>
    <rPh sb="0" eb="3">
      <t>フクシマク</t>
    </rPh>
    <rPh sb="3" eb="5">
      <t>ノダ</t>
    </rPh>
    <rPh sb="5" eb="8">
      <t>ゴチョウメ</t>
    </rPh>
    <phoneticPr fontId="3"/>
  </si>
  <si>
    <t>中野薬局</t>
    <rPh sb="0" eb="1">
      <t>ノ</t>
    </rPh>
    <rPh sb="1" eb="3">
      <t>ヤ</t>
    </rPh>
    <phoneticPr fontId="3"/>
  </si>
  <si>
    <t>福島区福島五丁目１４－１０</t>
    <rPh sb="0" eb="3">
      <t>フクシマク</t>
    </rPh>
    <rPh sb="3" eb="5">
      <t>フクシマ</t>
    </rPh>
    <rPh sb="5" eb="8">
      <t>ゴチョウメ</t>
    </rPh>
    <phoneticPr fontId="3"/>
  </si>
  <si>
    <t>赤木薬局</t>
    <rPh sb="0" eb="1">
      <t>アカギ</t>
    </rPh>
    <rPh sb="1" eb="3">
      <t>ヤ</t>
    </rPh>
    <phoneticPr fontId="3"/>
  </si>
  <si>
    <t>福島区海老江七丁目１０－１８</t>
    <rPh sb="0" eb="3">
      <t>フクシマク</t>
    </rPh>
    <rPh sb="3" eb="6">
      <t>エビエ</t>
    </rPh>
    <rPh sb="6" eb="9">
      <t>ナナチョウメ</t>
    </rPh>
    <phoneticPr fontId="3"/>
  </si>
  <si>
    <t>テイコク　ファミリー薬局</t>
    <rPh sb="10" eb="12">
      <t>ヤ</t>
    </rPh>
    <phoneticPr fontId="3"/>
  </si>
  <si>
    <t>福島区福島七丁目６－４　
宮川ビル　１階</t>
    <rPh sb="0" eb="3">
      <t>フクシマク</t>
    </rPh>
    <rPh sb="3" eb="5">
      <t>フクシマ</t>
    </rPh>
    <rPh sb="5" eb="8">
      <t>ナナチョウメ</t>
    </rPh>
    <rPh sb="13" eb="15">
      <t>ミヤガワ</t>
    </rPh>
    <rPh sb="19" eb="20">
      <t>カイ</t>
    </rPh>
    <phoneticPr fontId="3"/>
  </si>
  <si>
    <t>フロンティア薬局　福島店</t>
    <rPh sb="5" eb="7">
      <t>ヤッキョク</t>
    </rPh>
    <rPh sb="8" eb="10">
      <t>フクシマ</t>
    </rPh>
    <rPh sb="10" eb="11">
      <t>ミセ</t>
    </rPh>
    <phoneticPr fontId="3"/>
  </si>
  <si>
    <t>福島区福島四丁目２－７５</t>
    <rPh sb="0" eb="3">
      <t>フクシマク</t>
    </rPh>
    <rPh sb="3" eb="5">
      <t>フクシマ</t>
    </rPh>
    <rPh sb="5" eb="8">
      <t>ヨンチョウメ</t>
    </rPh>
    <phoneticPr fontId="3"/>
  </si>
  <si>
    <t>フラワー薬局　福島店</t>
    <rPh sb="3" eb="5">
      <t>ヤ</t>
    </rPh>
    <rPh sb="6" eb="8">
      <t>フクシマ</t>
    </rPh>
    <rPh sb="8" eb="9">
      <t>ミセ</t>
    </rPh>
    <phoneticPr fontId="3"/>
  </si>
  <si>
    <t>福島区福島二丁目４－６－１０３　
ハイネス岡崎</t>
    <rPh sb="0" eb="3">
      <t>フクシマク</t>
    </rPh>
    <rPh sb="3" eb="5">
      <t>フクシマ</t>
    </rPh>
    <rPh sb="5" eb="8">
      <t>ニチョウメ</t>
    </rPh>
    <rPh sb="21" eb="23">
      <t>オカザキ</t>
    </rPh>
    <phoneticPr fontId="3"/>
  </si>
  <si>
    <t>たんぽぽ薬局　福島店</t>
    <rPh sb="3" eb="5">
      <t>ヤッキョク</t>
    </rPh>
    <rPh sb="5" eb="7">
      <t>フクシマ</t>
    </rPh>
    <rPh sb="7" eb="8">
      <t>ミセ</t>
    </rPh>
    <phoneticPr fontId="3"/>
  </si>
  <si>
    <t>福島区福島四丁目２－７６
武井ビル　１階</t>
    <rPh sb="0" eb="3">
      <t>フクシマク</t>
    </rPh>
    <rPh sb="3" eb="5">
      <t>フクシマ</t>
    </rPh>
    <rPh sb="5" eb="8">
      <t>ヨンチョウメ</t>
    </rPh>
    <rPh sb="13" eb="15">
      <t>タケイ</t>
    </rPh>
    <rPh sb="19" eb="20">
      <t>カイ</t>
    </rPh>
    <phoneticPr fontId="3"/>
  </si>
  <si>
    <t>エムケー薬局</t>
    <rPh sb="4" eb="6">
      <t>ヤ</t>
    </rPh>
    <phoneticPr fontId="3"/>
  </si>
  <si>
    <t>福島区福島一丁目５－１</t>
    <rPh sb="0" eb="3">
      <t>フクシマク</t>
    </rPh>
    <rPh sb="3" eb="5">
      <t>フクシマ</t>
    </rPh>
    <rPh sb="5" eb="8">
      <t>イッチョウメ</t>
    </rPh>
    <phoneticPr fontId="3"/>
  </si>
  <si>
    <t>ファルコはやぶさ薬局　福島店</t>
    <rPh sb="7" eb="9">
      <t>ヤ</t>
    </rPh>
    <rPh sb="10" eb="12">
      <t>フクシマ</t>
    </rPh>
    <rPh sb="12" eb="13">
      <t>ミセ</t>
    </rPh>
    <phoneticPr fontId="3"/>
  </si>
  <si>
    <t>福島区福島二丁目２－１</t>
    <rPh sb="0" eb="2">
      <t>フクシマ</t>
    </rPh>
    <rPh sb="2" eb="3">
      <t>ク</t>
    </rPh>
    <rPh sb="3" eb="5">
      <t>フクシマ</t>
    </rPh>
    <rPh sb="5" eb="8">
      <t>ニチョウメ</t>
    </rPh>
    <phoneticPr fontId="3"/>
  </si>
  <si>
    <t>カイセイ薬局</t>
    <rPh sb="3" eb="5">
      <t>ヤ</t>
    </rPh>
    <phoneticPr fontId="3"/>
  </si>
  <si>
    <t>福島区福島七丁目８－１</t>
    <rPh sb="0" eb="3">
      <t>フクシマク</t>
    </rPh>
    <rPh sb="3" eb="5">
      <t>フクシマ</t>
    </rPh>
    <rPh sb="5" eb="8">
      <t>ナナチョウメ</t>
    </rPh>
    <phoneticPr fontId="3"/>
  </si>
  <si>
    <t>阪神調剤薬局　堂島店</t>
    <rPh sb="0" eb="1">
      <t>ハンシン</t>
    </rPh>
    <rPh sb="1" eb="3">
      <t>チョウザイ</t>
    </rPh>
    <rPh sb="3" eb="5">
      <t>ヤ</t>
    </rPh>
    <rPh sb="6" eb="8">
      <t>ドウジマ</t>
    </rPh>
    <rPh sb="8" eb="9">
      <t>テン</t>
    </rPh>
    <phoneticPr fontId="3"/>
  </si>
  <si>
    <t>福島区福島二丁目３－３</t>
    <rPh sb="5" eb="8">
      <t>ニチョウメ</t>
    </rPh>
    <phoneticPr fontId="3"/>
  </si>
  <si>
    <t>ファーコス薬局　ふくしま</t>
    <rPh sb="4" eb="6">
      <t>ヤ</t>
    </rPh>
    <phoneticPr fontId="3"/>
  </si>
  <si>
    <t>福島区福島二丁目４－１　
朝日放送アネックスビル</t>
    <rPh sb="0" eb="3">
      <t>フクシマク</t>
    </rPh>
    <rPh sb="3" eb="5">
      <t>フクシマ</t>
    </rPh>
    <rPh sb="5" eb="8">
      <t>ニチョウメ</t>
    </rPh>
    <rPh sb="13" eb="15">
      <t>アサヒ</t>
    </rPh>
    <rPh sb="15" eb="17">
      <t>ホウソウ</t>
    </rPh>
    <phoneticPr fontId="3"/>
  </si>
  <si>
    <t>セガミ薬局　堂島店</t>
    <rPh sb="2" eb="4">
      <t>ヤ</t>
    </rPh>
    <rPh sb="5" eb="7">
      <t>ドウジマ</t>
    </rPh>
    <rPh sb="7" eb="8">
      <t>テン</t>
    </rPh>
    <phoneticPr fontId="3"/>
  </si>
  <si>
    <t>福島区福島一丁目１－５１　
堂島クロスウォーク　１階</t>
    <rPh sb="0" eb="3">
      <t>フクシマク</t>
    </rPh>
    <rPh sb="3" eb="5">
      <t>フクシマ</t>
    </rPh>
    <rPh sb="5" eb="6">
      <t>イチ</t>
    </rPh>
    <rPh sb="6" eb="8">
      <t>チョウメ</t>
    </rPh>
    <rPh sb="14" eb="16">
      <t>ドウジマ</t>
    </rPh>
    <rPh sb="25" eb="26">
      <t>カイ</t>
    </rPh>
    <phoneticPr fontId="3"/>
  </si>
  <si>
    <t>イオン薬局　野田阪神店</t>
    <rPh sb="2" eb="4">
      <t>ヤ</t>
    </rPh>
    <rPh sb="5" eb="9">
      <t>ノダハンシン</t>
    </rPh>
    <rPh sb="9" eb="10">
      <t>テン</t>
    </rPh>
    <phoneticPr fontId="3"/>
  </si>
  <si>
    <t>福島区海老江一丁目１－２３　
２階</t>
    <rPh sb="0" eb="3">
      <t>フクシマク</t>
    </rPh>
    <rPh sb="3" eb="6">
      <t>エビエ</t>
    </rPh>
    <rPh sb="6" eb="7">
      <t>1</t>
    </rPh>
    <rPh sb="7" eb="9">
      <t>チョウメ</t>
    </rPh>
    <rPh sb="16" eb="17">
      <t>カイ</t>
    </rPh>
    <phoneticPr fontId="3"/>
  </si>
  <si>
    <t>アイリス薬局　</t>
    <rPh sb="4" eb="6">
      <t>ヤ</t>
    </rPh>
    <phoneticPr fontId="3"/>
  </si>
  <si>
    <t>福島区吉野三丁目１－２</t>
    <rPh sb="0" eb="3">
      <t>フクシマク</t>
    </rPh>
    <rPh sb="3" eb="5">
      <t>ヨシノ</t>
    </rPh>
    <rPh sb="5" eb="8">
      <t>3チョウメ</t>
    </rPh>
    <phoneticPr fontId="3"/>
  </si>
  <si>
    <t>すずらん薬局　福島店</t>
    <rPh sb="4" eb="6">
      <t>ヤッキョク</t>
    </rPh>
    <rPh sb="7" eb="10">
      <t>フクシマテン</t>
    </rPh>
    <phoneticPr fontId="3"/>
  </si>
  <si>
    <t>福島区福島二丁目２－２４　
セイワパレス堂島シティ　１階</t>
    <rPh sb="0" eb="3">
      <t>フクシマク</t>
    </rPh>
    <rPh sb="3" eb="5">
      <t>フクシマ</t>
    </rPh>
    <rPh sb="5" eb="6">
      <t>2</t>
    </rPh>
    <rPh sb="6" eb="8">
      <t>チョウメ</t>
    </rPh>
    <rPh sb="20" eb="22">
      <t>ドウジマ</t>
    </rPh>
    <rPh sb="27" eb="28">
      <t>カイ</t>
    </rPh>
    <phoneticPr fontId="3"/>
  </si>
  <si>
    <t>大阪鷺洲さくら薬局</t>
    <rPh sb="0" eb="1">
      <t>オオサカ</t>
    </rPh>
    <rPh sb="1" eb="3">
      <t>サギス</t>
    </rPh>
    <rPh sb="5" eb="7">
      <t>ヤッキョク</t>
    </rPh>
    <phoneticPr fontId="3"/>
  </si>
  <si>
    <t>福島区鷲洲四丁目３－２３－１０６　
福島スカイハイツ</t>
    <rPh sb="0" eb="3">
      <t>フクシマク</t>
    </rPh>
    <rPh sb="3" eb="4">
      <t>ワシ</t>
    </rPh>
    <rPh sb="4" eb="5">
      <t>ス</t>
    </rPh>
    <rPh sb="5" eb="8">
      <t>ヨンチョウメ</t>
    </rPh>
    <rPh sb="18" eb="20">
      <t>フクシマ</t>
    </rPh>
    <phoneticPr fontId="3"/>
  </si>
  <si>
    <t>大阪中央薬局</t>
    <rPh sb="0" eb="2">
      <t>オオサカ</t>
    </rPh>
    <rPh sb="2" eb="4">
      <t>チュウオウ</t>
    </rPh>
    <rPh sb="4" eb="6">
      <t>ヤッキョク</t>
    </rPh>
    <phoneticPr fontId="3"/>
  </si>
  <si>
    <t>福島区福島五丁目６－１６　
ラグザ大阪サウスオフィス　４階</t>
    <rPh sb="0" eb="3">
      <t>フクシマク</t>
    </rPh>
    <rPh sb="3" eb="5">
      <t>フクシマ</t>
    </rPh>
    <rPh sb="5" eb="8">
      <t>５チョウメ</t>
    </rPh>
    <rPh sb="17" eb="19">
      <t>オオサカ</t>
    </rPh>
    <rPh sb="28" eb="29">
      <t>カイ</t>
    </rPh>
    <phoneticPr fontId="3"/>
  </si>
  <si>
    <t>はな薬局　野田店</t>
    <rPh sb="2" eb="4">
      <t>ヤッキョク</t>
    </rPh>
    <rPh sb="5" eb="7">
      <t>ノダ</t>
    </rPh>
    <rPh sb="7" eb="8">
      <t>テン</t>
    </rPh>
    <phoneticPr fontId="3"/>
  </si>
  <si>
    <t>福島区大開三丁目１－２　
野田パークマンション１２４号</t>
    <rPh sb="3" eb="4">
      <t>ダイ</t>
    </rPh>
    <rPh sb="4" eb="5">
      <t>カイ</t>
    </rPh>
    <rPh sb="5" eb="8">
      <t>サンチョウメ</t>
    </rPh>
    <rPh sb="13" eb="14">
      <t>ノ</t>
    </rPh>
    <rPh sb="14" eb="15">
      <t>タ</t>
    </rPh>
    <rPh sb="26" eb="27">
      <t>ゴウ</t>
    </rPh>
    <phoneticPr fontId="3"/>
  </si>
  <si>
    <t>サン薬局　野田阪神店</t>
    <rPh sb="2" eb="4">
      <t>ヤッキョク</t>
    </rPh>
    <rPh sb="5" eb="10">
      <t>ノダハンシンテン</t>
    </rPh>
    <phoneticPr fontId="3"/>
  </si>
  <si>
    <t>福島区吉野一丁目１０－１３　
ＮＴビル　１階</t>
    <rPh sb="0" eb="2">
      <t>フクシマ</t>
    </rPh>
    <rPh sb="2" eb="3">
      <t>ク</t>
    </rPh>
    <rPh sb="3" eb="5">
      <t>ヨシノ</t>
    </rPh>
    <rPh sb="5" eb="8">
      <t>イッチョウメ</t>
    </rPh>
    <rPh sb="21" eb="22">
      <t>カイ</t>
    </rPh>
    <phoneticPr fontId="3"/>
  </si>
  <si>
    <t>あけぼの薬局　福島店</t>
    <rPh sb="4" eb="6">
      <t>ヤッキョク</t>
    </rPh>
    <rPh sb="7" eb="10">
      <t>フクシマテン</t>
    </rPh>
    <phoneticPr fontId="3"/>
  </si>
  <si>
    <t>福島区福島七丁目１９－１１</t>
    <rPh sb="0" eb="3">
      <t>フクシマク</t>
    </rPh>
    <rPh sb="3" eb="5">
      <t>フクシマ</t>
    </rPh>
    <rPh sb="5" eb="8">
      <t>ナナチョウメ</t>
    </rPh>
    <phoneticPr fontId="3"/>
  </si>
  <si>
    <t>福島区鷺洲三丁目１－１　
１０３号室</t>
    <rPh sb="0" eb="3">
      <t>フクシマク</t>
    </rPh>
    <rPh sb="3" eb="5">
      <t>サギス</t>
    </rPh>
    <rPh sb="5" eb="8">
      <t>サンチョウメ</t>
    </rPh>
    <rPh sb="16" eb="18">
      <t>ゴウシツ</t>
    </rPh>
    <phoneticPr fontId="3"/>
  </si>
  <si>
    <t>あさひ薬局　福島店</t>
    <rPh sb="3" eb="5">
      <t>ヤッキョク</t>
    </rPh>
    <rPh sb="6" eb="9">
      <t>フクシマテン</t>
    </rPh>
    <phoneticPr fontId="3"/>
  </si>
  <si>
    <t>福島区吉野二丁目９－１７　
KHKコート西野田　１階</t>
    <rPh sb="0" eb="3">
      <t>フクシマク</t>
    </rPh>
    <rPh sb="3" eb="5">
      <t>ヨシノ</t>
    </rPh>
    <rPh sb="5" eb="8">
      <t>２チョウメ</t>
    </rPh>
    <rPh sb="20" eb="21">
      <t>ニシ</t>
    </rPh>
    <rPh sb="21" eb="23">
      <t>ノダ</t>
    </rPh>
    <rPh sb="25" eb="26">
      <t>カイ</t>
    </rPh>
    <phoneticPr fontId="3"/>
  </si>
  <si>
    <t>そよ風薬局</t>
    <rPh sb="2" eb="3">
      <t>カゼ</t>
    </rPh>
    <rPh sb="3" eb="5">
      <t>ヤッキョク</t>
    </rPh>
    <phoneticPr fontId="3"/>
  </si>
  <si>
    <t>福島区吉野三丁目１５－１６　
ロジュマン松原　１階</t>
    <rPh sb="0" eb="3">
      <t>フクシマク</t>
    </rPh>
    <rPh sb="3" eb="5">
      <t>ヨシノ</t>
    </rPh>
    <rPh sb="5" eb="6">
      <t>３</t>
    </rPh>
    <rPh sb="6" eb="8">
      <t>チョウメ</t>
    </rPh>
    <rPh sb="20" eb="22">
      <t>マツバラ</t>
    </rPh>
    <rPh sb="24" eb="25">
      <t>カイ</t>
    </rPh>
    <phoneticPr fontId="3"/>
  </si>
  <si>
    <t>ウェーブ薬局　福島店</t>
    <rPh sb="4" eb="6">
      <t>ヤッキョク</t>
    </rPh>
    <rPh sb="7" eb="9">
      <t>フクシマ</t>
    </rPh>
    <rPh sb="9" eb="10">
      <t>テン</t>
    </rPh>
    <phoneticPr fontId="3"/>
  </si>
  <si>
    <t>福島区鷺洲二丁目１２－２０　
１階</t>
    <rPh sb="0" eb="3">
      <t>フクシマク</t>
    </rPh>
    <rPh sb="3" eb="5">
      <t>サギス</t>
    </rPh>
    <rPh sb="5" eb="8">
      <t>２チョウメ</t>
    </rPh>
    <rPh sb="16" eb="17">
      <t>カイ</t>
    </rPh>
    <phoneticPr fontId="3"/>
  </si>
  <si>
    <t>河内薬局</t>
    <rPh sb="0" eb="2">
      <t>カワチ</t>
    </rPh>
    <rPh sb="2" eb="4">
      <t>ヤッキョク</t>
    </rPh>
    <phoneticPr fontId="3"/>
  </si>
  <si>
    <t>福島区吉野一丁目２１－９－１０１　
レジデンスＫ</t>
    <rPh sb="0" eb="3">
      <t>フクシマク</t>
    </rPh>
    <rPh sb="3" eb="5">
      <t>ヨシノ</t>
    </rPh>
    <rPh sb="5" eb="8">
      <t>１チョウメ</t>
    </rPh>
    <phoneticPr fontId="3"/>
  </si>
  <si>
    <t>くるみ薬局</t>
    <rPh sb="3" eb="5">
      <t>ヤッキョク</t>
    </rPh>
    <phoneticPr fontId="3"/>
  </si>
  <si>
    <t>福島区海老江一丁目２－１７　
阪神野田駅前ノースサイドビル　１階</t>
    <rPh sb="0" eb="2">
      <t>フクシマ</t>
    </rPh>
    <rPh sb="2" eb="3">
      <t>ク</t>
    </rPh>
    <rPh sb="3" eb="6">
      <t>エビエ</t>
    </rPh>
    <rPh sb="6" eb="7">
      <t>イッ</t>
    </rPh>
    <rPh sb="7" eb="9">
      <t>チョウメ</t>
    </rPh>
    <rPh sb="15" eb="17">
      <t>ハンシン</t>
    </rPh>
    <rPh sb="17" eb="19">
      <t>ノダ</t>
    </rPh>
    <rPh sb="19" eb="20">
      <t>エキ</t>
    </rPh>
    <rPh sb="20" eb="21">
      <t>マエ</t>
    </rPh>
    <rPh sb="31" eb="32">
      <t>カイ</t>
    </rPh>
    <phoneticPr fontId="3"/>
  </si>
  <si>
    <t>プラス薬局</t>
    <rPh sb="3" eb="5">
      <t>ヤッキョク</t>
    </rPh>
    <phoneticPr fontId="3"/>
  </si>
  <si>
    <t>福島区福島七丁目９－９</t>
    <rPh sb="0" eb="3">
      <t>フクシマク</t>
    </rPh>
    <rPh sb="3" eb="5">
      <t>フクシマ</t>
    </rPh>
    <rPh sb="5" eb="8">
      <t>ナナチョウメ</t>
    </rPh>
    <phoneticPr fontId="3"/>
  </si>
  <si>
    <t>くるみ薬局　福島吉野店</t>
    <rPh sb="3" eb="5">
      <t>ヤッキョク</t>
    </rPh>
    <rPh sb="6" eb="8">
      <t>フクシマ</t>
    </rPh>
    <rPh sb="8" eb="10">
      <t>ヨシノ</t>
    </rPh>
    <rPh sb="10" eb="11">
      <t>テン</t>
    </rPh>
    <phoneticPr fontId="3"/>
  </si>
  <si>
    <t>福島区吉野五丁目１１－２２　
永和商事ビル　１階</t>
    <rPh sb="0" eb="3">
      <t>フクシマク</t>
    </rPh>
    <rPh sb="3" eb="5">
      <t>ヨシノ</t>
    </rPh>
    <rPh sb="5" eb="8">
      <t>ゴチョウメ</t>
    </rPh>
    <rPh sb="15" eb="17">
      <t>エイワ</t>
    </rPh>
    <rPh sb="17" eb="19">
      <t>ショウジ</t>
    </rPh>
    <rPh sb="23" eb="24">
      <t>カイ</t>
    </rPh>
    <phoneticPr fontId="3"/>
  </si>
  <si>
    <t>0201773</t>
  </si>
  <si>
    <t>プラザ薬局　新福島店</t>
    <rPh sb="3" eb="5">
      <t>ヤッキョク</t>
    </rPh>
    <rPh sb="6" eb="7">
      <t>シン</t>
    </rPh>
    <rPh sb="7" eb="9">
      <t>フクシマ</t>
    </rPh>
    <rPh sb="9" eb="10">
      <t>テン</t>
    </rPh>
    <phoneticPr fontId="3"/>
  </si>
  <si>
    <t>福島区福島五丁目１７－２１　
池田ビル　１階</t>
    <rPh sb="0" eb="3">
      <t>フクシマク</t>
    </rPh>
    <rPh sb="3" eb="5">
      <t>フクシマ</t>
    </rPh>
    <rPh sb="5" eb="8">
      <t>ゴチョウメ</t>
    </rPh>
    <rPh sb="15" eb="16">
      <t>イケ</t>
    </rPh>
    <rPh sb="16" eb="17">
      <t>ダ</t>
    </rPh>
    <rPh sb="21" eb="22">
      <t>カイ</t>
    </rPh>
    <phoneticPr fontId="3"/>
  </si>
  <si>
    <t>0201781</t>
  </si>
  <si>
    <t>ななみ薬局</t>
    <rPh sb="3" eb="5">
      <t>ヤッキョク</t>
    </rPh>
    <phoneticPr fontId="3"/>
  </si>
  <si>
    <t>福島区鷺洲一丁目７－２９　
パレットマンション　１階</t>
    <rPh sb="0" eb="3">
      <t>フクシマク</t>
    </rPh>
    <rPh sb="3" eb="4">
      <t>サギ</t>
    </rPh>
    <rPh sb="4" eb="5">
      <t>ス</t>
    </rPh>
    <rPh sb="5" eb="8">
      <t>イッチョウメ</t>
    </rPh>
    <rPh sb="25" eb="26">
      <t>カイ</t>
    </rPh>
    <phoneticPr fontId="3"/>
  </si>
  <si>
    <t>福島区</t>
  </si>
  <si>
    <t>0201807</t>
  </si>
  <si>
    <t>コトブキ薬局　福島店</t>
    <rPh sb="4" eb="6">
      <t>ヤッキョク</t>
    </rPh>
    <rPh sb="7" eb="9">
      <t>フクシマ</t>
    </rPh>
    <rPh sb="9" eb="10">
      <t>テン</t>
    </rPh>
    <phoneticPr fontId="3"/>
  </si>
  <si>
    <t>福島区福島四丁目２－３３</t>
    <rPh sb="0" eb="3">
      <t>フクシマク</t>
    </rPh>
    <rPh sb="3" eb="5">
      <t>フクシマ</t>
    </rPh>
    <rPh sb="5" eb="8">
      <t>ヨンチョウメ</t>
    </rPh>
    <phoneticPr fontId="3"/>
  </si>
  <si>
    <t>0201815</t>
  </si>
  <si>
    <t>阪神調剤薬局　中之島店</t>
    <rPh sb="0" eb="4">
      <t>ハンシンチョウザイ</t>
    </rPh>
    <rPh sb="4" eb="6">
      <t>ヤッキョク</t>
    </rPh>
    <rPh sb="7" eb="10">
      <t>ナカノシマ</t>
    </rPh>
    <rPh sb="10" eb="11">
      <t>テン</t>
    </rPh>
    <phoneticPr fontId="3"/>
  </si>
  <si>
    <t>福島区福島三丁目１－３９</t>
    <rPh sb="0" eb="3">
      <t>フクシマク</t>
    </rPh>
    <rPh sb="3" eb="5">
      <t>フクシマ</t>
    </rPh>
    <rPh sb="5" eb="8">
      <t>サンチョウメ</t>
    </rPh>
    <phoneticPr fontId="3"/>
  </si>
  <si>
    <t>此花区</t>
    <rPh sb="0" eb="3">
      <t>コノハナク</t>
    </rPh>
    <phoneticPr fontId="3"/>
  </si>
  <si>
    <t>此花区四貫島二丁目２１－１</t>
    <rPh sb="6" eb="9">
      <t>ニチョウメ</t>
    </rPh>
    <phoneticPr fontId="3"/>
  </si>
  <si>
    <t>中島薬局</t>
    <rPh sb="0" eb="2">
      <t>ナカジマ</t>
    </rPh>
    <rPh sb="2" eb="4">
      <t>ヤッキョク</t>
    </rPh>
    <phoneticPr fontId="3"/>
  </si>
  <si>
    <t>此花区春日出北二丁目７－３</t>
    <rPh sb="0" eb="3">
      <t>コノハナク</t>
    </rPh>
    <rPh sb="3" eb="7">
      <t>カスガデキタ</t>
    </rPh>
    <rPh sb="7" eb="10">
      <t>ニチョウメ</t>
    </rPh>
    <phoneticPr fontId="3"/>
  </si>
  <si>
    <t>大入号薬局</t>
    <rPh sb="0" eb="2">
      <t>オオイ</t>
    </rPh>
    <rPh sb="2" eb="3">
      <t>ゴウ</t>
    </rPh>
    <rPh sb="3" eb="5">
      <t>ヤッキョク</t>
    </rPh>
    <phoneticPr fontId="3"/>
  </si>
  <si>
    <t>此花区春日出北一丁目１４－８</t>
    <rPh sb="0" eb="3">
      <t>コノハナク</t>
    </rPh>
    <rPh sb="3" eb="7">
      <t>カスガデキタ</t>
    </rPh>
    <rPh sb="7" eb="10">
      <t>イッチョウメ</t>
    </rPh>
    <phoneticPr fontId="3"/>
  </si>
  <si>
    <t>すずらん薬局</t>
    <rPh sb="4" eb="6">
      <t>ヤッキョク</t>
    </rPh>
    <phoneticPr fontId="3"/>
  </si>
  <si>
    <t>此花区伝法一丁目３－１８</t>
    <rPh sb="0" eb="3">
      <t>コノハナク</t>
    </rPh>
    <rPh sb="3" eb="5">
      <t>デンポウ</t>
    </rPh>
    <rPh sb="5" eb="8">
      <t>イッチョウメ</t>
    </rPh>
    <phoneticPr fontId="3"/>
  </si>
  <si>
    <t>此花区酉島三丁目２２－２８</t>
    <rPh sb="5" eb="8">
      <t>サンチョウメ</t>
    </rPh>
    <phoneticPr fontId="3"/>
  </si>
  <si>
    <t>スマイル薬局</t>
    <rPh sb="4" eb="6">
      <t>ヤッキョク</t>
    </rPh>
    <phoneticPr fontId="3"/>
  </si>
  <si>
    <t>此花区春日出北一丁目２－２</t>
    <rPh sb="0" eb="3">
      <t>コノハナク</t>
    </rPh>
    <rPh sb="3" eb="7">
      <t>カスガデキタ</t>
    </rPh>
    <rPh sb="7" eb="10">
      <t>イッチョウメ</t>
    </rPh>
    <phoneticPr fontId="3"/>
  </si>
  <si>
    <t>はやぶさ薬局　阪神千鳥橋店</t>
    <rPh sb="4" eb="6">
      <t>ヤッキョク</t>
    </rPh>
    <rPh sb="7" eb="9">
      <t>ハンシン</t>
    </rPh>
    <rPh sb="9" eb="11">
      <t>チドリ</t>
    </rPh>
    <rPh sb="11" eb="12">
      <t>バシ</t>
    </rPh>
    <rPh sb="12" eb="13">
      <t>ミセ</t>
    </rPh>
    <phoneticPr fontId="3"/>
  </si>
  <si>
    <t>此花区四貫島一丁目１－４３</t>
    <rPh sb="0" eb="3">
      <t>コノハナク</t>
    </rPh>
    <rPh sb="3" eb="6">
      <t>シカンジマ</t>
    </rPh>
    <rPh sb="6" eb="9">
      <t>イッチョウメ</t>
    </rPh>
    <phoneticPr fontId="3"/>
  </si>
  <si>
    <t>フラワー薬局　春日出店</t>
    <rPh sb="4" eb="6">
      <t>ヤッキョク</t>
    </rPh>
    <rPh sb="7" eb="10">
      <t>カスガデ</t>
    </rPh>
    <rPh sb="10" eb="11">
      <t>テン</t>
    </rPh>
    <phoneticPr fontId="3"/>
  </si>
  <si>
    <t>此花区春日出中一丁目２６－１３</t>
    <rPh sb="0" eb="3">
      <t>コノハナク</t>
    </rPh>
    <rPh sb="3" eb="7">
      <t>カスガデナカ</t>
    </rPh>
    <rPh sb="7" eb="8">
      <t>イチ</t>
    </rPh>
    <rPh sb="8" eb="10">
      <t>チョウメ</t>
    </rPh>
    <phoneticPr fontId="3"/>
  </si>
  <si>
    <t>らいふ薬局　春日出店</t>
    <rPh sb="3" eb="5">
      <t>ヤッキョク</t>
    </rPh>
    <rPh sb="6" eb="9">
      <t>カスガデ</t>
    </rPh>
    <rPh sb="9" eb="10">
      <t>ミセ</t>
    </rPh>
    <phoneticPr fontId="3"/>
  </si>
  <si>
    <t>此花区春日出中一丁目２５－９　
キャロルビル　１階</t>
    <rPh sb="0" eb="3">
      <t>コノハナク</t>
    </rPh>
    <rPh sb="3" eb="7">
      <t>カスガデナカ</t>
    </rPh>
    <rPh sb="7" eb="8">
      <t>1</t>
    </rPh>
    <rPh sb="8" eb="10">
      <t>チョウメ</t>
    </rPh>
    <rPh sb="24" eb="25">
      <t>カイ</t>
    </rPh>
    <phoneticPr fontId="3"/>
  </si>
  <si>
    <t>此花ダイイチ薬局</t>
    <rPh sb="0" eb="2">
      <t>コノハナ</t>
    </rPh>
    <rPh sb="6" eb="8">
      <t>ヤッキョク</t>
    </rPh>
    <phoneticPr fontId="3"/>
  </si>
  <si>
    <t>此花区梅香三丁目２０－９</t>
    <rPh sb="0" eb="3">
      <t>コノハナク</t>
    </rPh>
    <rPh sb="3" eb="5">
      <t>バイカ</t>
    </rPh>
    <rPh sb="5" eb="8">
      <t>3チョウメ</t>
    </rPh>
    <phoneticPr fontId="3"/>
  </si>
  <si>
    <t>イオン薬局　高見店</t>
    <rPh sb="3" eb="5">
      <t>ヤッキョク</t>
    </rPh>
    <rPh sb="6" eb="8">
      <t>タカミ</t>
    </rPh>
    <rPh sb="8" eb="9">
      <t>テン</t>
    </rPh>
    <phoneticPr fontId="3"/>
  </si>
  <si>
    <t>此花区高見一丁目５－７０
イオン高見店　１階</t>
    <rPh sb="0" eb="3">
      <t>コノハナク</t>
    </rPh>
    <rPh sb="3" eb="5">
      <t>タカミ</t>
    </rPh>
    <rPh sb="5" eb="8">
      <t>イッチョウメ</t>
    </rPh>
    <rPh sb="16" eb="18">
      <t>タカミ</t>
    </rPh>
    <rPh sb="18" eb="19">
      <t>ミセ</t>
    </rPh>
    <rPh sb="21" eb="22">
      <t>カイ</t>
    </rPh>
    <phoneticPr fontId="3"/>
  </si>
  <si>
    <t>阪神調剤薬局　西九条店</t>
    <rPh sb="0" eb="2">
      <t>ハンシン</t>
    </rPh>
    <rPh sb="2" eb="4">
      <t>チョウザイ</t>
    </rPh>
    <rPh sb="4" eb="6">
      <t>ヤッキョク</t>
    </rPh>
    <rPh sb="7" eb="8">
      <t>ニシ</t>
    </rPh>
    <rPh sb="8" eb="10">
      <t>クジョウ</t>
    </rPh>
    <rPh sb="10" eb="11">
      <t>ミセ</t>
    </rPh>
    <phoneticPr fontId="3"/>
  </si>
  <si>
    <t>此花区西九条四丁目３－３９</t>
    <rPh sb="0" eb="3">
      <t>コノハナク</t>
    </rPh>
    <rPh sb="3" eb="4">
      <t>ニシ</t>
    </rPh>
    <rPh sb="4" eb="6">
      <t>クジョウ</t>
    </rPh>
    <rPh sb="6" eb="9">
      <t>ヨンチョウメ</t>
    </rPh>
    <phoneticPr fontId="3"/>
  </si>
  <si>
    <t>スギ薬局　千鳥橋店</t>
    <rPh sb="2" eb="4">
      <t>ヤッキョク</t>
    </rPh>
    <rPh sb="5" eb="9">
      <t>チドリバシテン</t>
    </rPh>
    <phoneticPr fontId="3"/>
  </si>
  <si>
    <t>此花区四貫島一丁目５－６　
児島建設ビル　１階</t>
    <rPh sb="0" eb="3">
      <t>コノハナク</t>
    </rPh>
    <rPh sb="3" eb="5">
      <t>シカン</t>
    </rPh>
    <rPh sb="5" eb="6">
      <t>ジマ</t>
    </rPh>
    <rPh sb="6" eb="9">
      <t>１チョウメ</t>
    </rPh>
    <rPh sb="14" eb="16">
      <t>コジマ</t>
    </rPh>
    <rPh sb="16" eb="18">
      <t>ケンセツ</t>
    </rPh>
    <rPh sb="22" eb="23">
      <t>カイ</t>
    </rPh>
    <phoneticPr fontId="3"/>
  </si>
  <si>
    <t>サンライトなかよし薬局　此花店</t>
    <rPh sb="9" eb="11">
      <t>ヤッキョク</t>
    </rPh>
    <rPh sb="12" eb="15">
      <t>コノハナテン</t>
    </rPh>
    <phoneticPr fontId="3"/>
  </si>
  <si>
    <t>此花区伝法五丁目４－６１　
１階・２階</t>
    <rPh sb="0" eb="3">
      <t>コノハナク</t>
    </rPh>
    <rPh sb="3" eb="5">
      <t>デンポウ</t>
    </rPh>
    <rPh sb="5" eb="8">
      <t>５チョウメ</t>
    </rPh>
    <rPh sb="15" eb="16">
      <t>カイ</t>
    </rPh>
    <rPh sb="18" eb="19">
      <t>カイ</t>
    </rPh>
    <phoneticPr fontId="3"/>
  </si>
  <si>
    <t>シティー薬局</t>
    <rPh sb="4" eb="6">
      <t>ヤッキョク</t>
    </rPh>
    <phoneticPr fontId="3"/>
  </si>
  <si>
    <t>此花区島屋六丁目２－９０ー３０４
リバーガーデンシティーさくらの丘</t>
    <rPh sb="0" eb="3">
      <t>コノハナク</t>
    </rPh>
    <rPh sb="3" eb="5">
      <t>シマヤ</t>
    </rPh>
    <rPh sb="5" eb="8">
      <t>６チョウメ</t>
    </rPh>
    <rPh sb="32" eb="33">
      <t>オカ</t>
    </rPh>
    <phoneticPr fontId="3"/>
  </si>
  <si>
    <t>さざなみ薬局</t>
    <rPh sb="4" eb="6">
      <t>ヤッキョク</t>
    </rPh>
    <phoneticPr fontId="3"/>
  </si>
  <si>
    <t>此花区春日出北一丁目２５－１１</t>
    <rPh sb="0" eb="3">
      <t>コノハナク</t>
    </rPh>
    <rPh sb="3" eb="7">
      <t>カスガデキタ</t>
    </rPh>
    <rPh sb="7" eb="10">
      <t>イッチョウメ</t>
    </rPh>
    <phoneticPr fontId="3"/>
  </si>
  <si>
    <t>ユーアイ薬局</t>
    <rPh sb="4" eb="6">
      <t>ヤッキョク</t>
    </rPh>
    <phoneticPr fontId="3"/>
  </si>
  <si>
    <t>此花区四貫島一丁目５－１１　
セントビル　１階</t>
    <rPh sb="0" eb="3">
      <t>コノハナク</t>
    </rPh>
    <rPh sb="3" eb="6">
      <t>シカンジマ</t>
    </rPh>
    <rPh sb="6" eb="9">
      <t>イッチョウメ</t>
    </rPh>
    <rPh sb="22" eb="23">
      <t>カイ</t>
    </rPh>
    <phoneticPr fontId="3"/>
  </si>
  <si>
    <t>此花区</t>
  </si>
  <si>
    <t>2801018</t>
  </si>
  <si>
    <t>フクモト薬局</t>
    <rPh sb="4" eb="6">
      <t>ヤッキョク</t>
    </rPh>
    <phoneticPr fontId="3"/>
  </si>
  <si>
    <t>此花区西九条三丁目１３－５
１階</t>
    <rPh sb="0" eb="3">
      <t>コノハナク</t>
    </rPh>
    <rPh sb="3" eb="6">
      <t>ニシクジョウ</t>
    </rPh>
    <rPh sb="6" eb="9">
      <t>サンチョウメ</t>
    </rPh>
    <rPh sb="15" eb="16">
      <t>カイ</t>
    </rPh>
    <phoneticPr fontId="3"/>
  </si>
  <si>
    <t>中央区</t>
    <rPh sb="0" eb="3">
      <t>チュウオウク</t>
    </rPh>
    <phoneticPr fontId="3"/>
  </si>
  <si>
    <t>有限会社　タキノ薬局</t>
    <rPh sb="0" eb="4">
      <t>ユウゲンガイシャ</t>
    </rPh>
    <rPh sb="8" eb="10">
      <t>ヤッキョク</t>
    </rPh>
    <phoneticPr fontId="3"/>
  </si>
  <si>
    <t>中央区平野町四丁目５－９</t>
    <rPh sb="0" eb="3">
      <t>チュウオウク</t>
    </rPh>
    <rPh sb="3" eb="6">
      <t>ヒラノチョウ</t>
    </rPh>
    <rPh sb="6" eb="9">
      <t>ヨンチョウメ</t>
    </rPh>
    <phoneticPr fontId="3"/>
  </si>
  <si>
    <t>ツチヤ青雲堂薬局</t>
    <rPh sb="3" eb="5">
      <t>セイウン</t>
    </rPh>
    <rPh sb="5" eb="6">
      <t>ドウ</t>
    </rPh>
    <rPh sb="6" eb="8">
      <t>ヤッキョク</t>
    </rPh>
    <phoneticPr fontId="3"/>
  </si>
  <si>
    <t>中央区平野町二丁目５－１４　
ＦＵＫＵ　ＢＬＤ.　三休橋　１階</t>
    <rPh sb="0" eb="3">
      <t>チュウオウク</t>
    </rPh>
    <rPh sb="3" eb="6">
      <t>ヒラノチョウ</t>
    </rPh>
    <rPh sb="6" eb="9">
      <t>ニチョウメ</t>
    </rPh>
    <phoneticPr fontId="3"/>
  </si>
  <si>
    <t>赤あんど薬局</t>
    <rPh sb="0" eb="1">
      <t>アカ</t>
    </rPh>
    <rPh sb="4" eb="6">
      <t>ヤッキョク</t>
    </rPh>
    <phoneticPr fontId="3"/>
  </si>
  <si>
    <t>中央区谷町九丁目３－１１</t>
    <rPh sb="0" eb="3">
      <t>チュウオウク</t>
    </rPh>
    <rPh sb="3" eb="5">
      <t>タニマチ</t>
    </rPh>
    <rPh sb="5" eb="8">
      <t>キュウチョウメ</t>
    </rPh>
    <phoneticPr fontId="3"/>
  </si>
  <si>
    <t>塩田薬局</t>
    <rPh sb="0" eb="2">
      <t>シオタ</t>
    </rPh>
    <rPh sb="2" eb="4">
      <t>ヤッキョク</t>
    </rPh>
    <phoneticPr fontId="3"/>
  </si>
  <si>
    <t>中央区東平二丁目５－１０</t>
    <rPh sb="0" eb="3">
      <t>チュウオウク</t>
    </rPh>
    <rPh sb="3" eb="4">
      <t>ヒガシ</t>
    </rPh>
    <rPh sb="4" eb="5">
      <t>タイ</t>
    </rPh>
    <rPh sb="5" eb="8">
      <t>ニチョウメ</t>
    </rPh>
    <phoneticPr fontId="3"/>
  </si>
  <si>
    <t>たつみ薬局</t>
    <rPh sb="3" eb="5">
      <t>ヤッキョク</t>
    </rPh>
    <phoneticPr fontId="3"/>
  </si>
  <si>
    <t>中央区上本町西五丁目３－１</t>
    <rPh sb="0" eb="3">
      <t>チュウオウク</t>
    </rPh>
    <rPh sb="3" eb="6">
      <t>ウエホンマチ</t>
    </rPh>
    <rPh sb="6" eb="7">
      <t>ニシ</t>
    </rPh>
    <rPh sb="7" eb="10">
      <t>ゴチョウメ</t>
    </rPh>
    <phoneticPr fontId="3"/>
  </si>
  <si>
    <t>黒門中央薬局</t>
    <rPh sb="0" eb="1">
      <t>クロ</t>
    </rPh>
    <rPh sb="1" eb="2">
      <t>モン</t>
    </rPh>
    <rPh sb="2" eb="4">
      <t>チュウオウ</t>
    </rPh>
    <rPh sb="4" eb="6">
      <t>ヤッキョク</t>
    </rPh>
    <phoneticPr fontId="3"/>
  </si>
  <si>
    <t>中央区日本橋一丁目２２－１８</t>
    <rPh sb="0" eb="3">
      <t>チュウオウク</t>
    </rPh>
    <rPh sb="3" eb="6">
      <t>ニホンバシ</t>
    </rPh>
    <rPh sb="6" eb="9">
      <t>イッチョウメ</t>
    </rPh>
    <phoneticPr fontId="3"/>
  </si>
  <si>
    <t>ワカノウラ薬局</t>
    <rPh sb="5" eb="7">
      <t>ヤッキョク</t>
    </rPh>
    <phoneticPr fontId="3"/>
  </si>
  <si>
    <t>中央区南船場三丁目５－１７</t>
    <rPh sb="0" eb="3">
      <t>チュウオウク</t>
    </rPh>
    <rPh sb="3" eb="6">
      <t>ミナミセンバ</t>
    </rPh>
    <rPh sb="6" eb="9">
      <t>サンチョウメ</t>
    </rPh>
    <phoneticPr fontId="3"/>
  </si>
  <si>
    <t>中央区玉造一丁目２１－１６</t>
    <rPh sb="0" eb="3">
      <t>チュウオウク</t>
    </rPh>
    <rPh sb="3" eb="5">
      <t>タマツクリ</t>
    </rPh>
    <rPh sb="5" eb="8">
      <t>イッチョウメ</t>
    </rPh>
    <phoneticPr fontId="3"/>
  </si>
  <si>
    <t>ライフ薬局</t>
    <rPh sb="3" eb="5">
      <t>ヤッキョク</t>
    </rPh>
    <phoneticPr fontId="3"/>
  </si>
  <si>
    <t>中央区南船場一丁目１８－２５</t>
    <rPh sb="0" eb="3">
      <t>チュウオウク</t>
    </rPh>
    <rPh sb="3" eb="6">
      <t>ミナミセンバ</t>
    </rPh>
    <rPh sb="6" eb="9">
      <t>イッチョウメ</t>
    </rPh>
    <phoneticPr fontId="3"/>
  </si>
  <si>
    <t>常盤漢方薬局　心斎橋店</t>
    <rPh sb="0" eb="2">
      <t>トキワ</t>
    </rPh>
    <rPh sb="2" eb="4">
      <t>カンポウ</t>
    </rPh>
    <rPh sb="4" eb="6">
      <t>ヤッキョク</t>
    </rPh>
    <rPh sb="7" eb="10">
      <t>シンサイバシ</t>
    </rPh>
    <rPh sb="10" eb="11">
      <t>テン</t>
    </rPh>
    <phoneticPr fontId="3"/>
  </si>
  <si>
    <t>中央区南船場四丁目１１－１９</t>
    <rPh sb="0" eb="3">
      <t>チュウオウク</t>
    </rPh>
    <rPh sb="3" eb="6">
      <t>ミナミセンバ</t>
    </rPh>
    <rPh sb="6" eb="9">
      <t>ヨンチョウメ</t>
    </rPh>
    <phoneticPr fontId="3"/>
  </si>
  <si>
    <t>大手前薬局</t>
    <rPh sb="0" eb="3">
      <t>オオテマエ</t>
    </rPh>
    <rPh sb="3" eb="5">
      <t>ヤッキョク</t>
    </rPh>
    <phoneticPr fontId="3"/>
  </si>
  <si>
    <t>中央区徳井町一丁目１－８　
大手前ＮＴビル　１階</t>
    <rPh sb="0" eb="3">
      <t>チュウオウク</t>
    </rPh>
    <rPh sb="3" eb="5">
      <t>トクイ</t>
    </rPh>
    <rPh sb="5" eb="6">
      <t>チョウ</t>
    </rPh>
    <rPh sb="6" eb="9">
      <t>イッチョウメ</t>
    </rPh>
    <rPh sb="14" eb="17">
      <t>オオテマエ</t>
    </rPh>
    <rPh sb="23" eb="24">
      <t>カイ</t>
    </rPh>
    <phoneticPr fontId="3"/>
  </si>
  <si>
    <t>長崎屋薬局</t>
    <rPh sb="0" eb="3">
      <t>ナガサキヤ</t>
    </rPh>
    <rPh sb="3" eb="5">
      <t>ヤッキョク</t>
    </rPh>
    <phoneticPr fontId="3"/>
  </si>
  <si>
    <t>中央区宗右衛門町５－３５</t>
    <rPh sb="0" eb="3">
      <t>チュウオウク</t>
    </rPh>
    <rPh sb="3" eb="4">
      <t>ソウ</t>
    </rPh>
    <rPh sb="4" eb="5">
      <t>ミギ</t>
    </rPh>
    <rPh sb="5" eb="6">
      <t>エ</t>
    </rPh>
    <rPh sb="6" eb="7">
      <t>モン</t>
    </rPh>
    <rPh sb="7" eb="8">
      <t>チョウ</t>
    </rPh>
    <phoneticPr fontId="3"/>
  </si>
  <si>
    <t>スズキ薬局</t>
    <rPh sb="3" eb="5">
      <t>ヤッキョク</t>
    </rPh>
    <phoneticPr fontId="3"/>
  </si>
  <si>
    <t>中央区谷町六丁目１６－２０</t>
    <rPh sb="0" eb="3">
      <t>チュウオウク</t>
    </rPh>
    <rPh sb="3" eb="5">
      <t>タニマチ</t>
    </rPh>
    <rPh sb="5" eb="8">
      <t>ロクチョウメ</t>
    </rPh>
    <phoneticPr fontId="3"/>
  </si>
  <si>
    <t>阪神薬局</t>
    <rPh sb="0" eb="2">
      <t>ハンシン</t>
    </rPh>
    <rPh sb="2" eb="4">
      <t>ヤッキョク</t>
    </rPh>
    <phoneticPr fontId="3"/>
  </si>
  <si>
    <t>中央区道修町二丁目２－１３</t>
    <rPh sb="0" eb="3">
      <t>チュウオウク</t>
    </rPh>
    <rPh sb="3" eb="4">
      <t>ドウ</t>
    </rPh>
    <rPh sb="4" eb="5">
      <t>シュウ</t>
    </rPh>
    <rPh sb="5" eb="6">
      <t>チョウ</t>
    </rPh>
    <rPh sb="6" eb="9">
      <t>ニチョウメ</t>
    </rPh>
    <phoneticPr fontId="3"/>
  </si>
  <si>
    <t>南薬剤師会センター薬局</t>
    <rPh sb="0" eb="1">
      <t>ミナミ</t>
    </rPh>
    <rPh sb="1" eb="4">
      <t>ヤクザイシ</t>
    </rPh>
    <rPh sb="4" eb="5">
      <t>カイ</t>
    </rPh>
    <rPh sb="9" eb="11">
      <t>ヤッキョク</t>
    </rPh>
    <phoneticPr fontId="3"/>
  </si>
  <si>
    <t>中央区難波三丁目５－１４　
東ビル　２階</t>
    <rPh sb="0" eb="3">
      <t>チュウオウク</t>
    </rPh>
    <rPh sb="3" eb="5">
      <t>ナンバ</t>
    </rPh>
    <rPh sb="5" eb="8">
      <t>サンチョウメ</t>
    </rPh>
    <rPh sb="14" eb="15">
      <t>ヒガシ</t>
    </rPh>
    <rPh sb="19" eb="20">
      <t>カイ</t>
    </rPh>
    <phoneticPr fontId="3"/>
  </si>
  <si>
    <t>中央区谷町九丁目３－１１　
東谷町ビル　１階</t>
    <rPh sb="5" eb="8">
      <t>キュウチョウメ</t>
    </rPh>
    <phoneticPr fontId="3"/>
  </si>
  <si>
    <t>仙寿堂薬局</t>
    <rPh sb="0" eb="1">
      <t>セン</t>
    </rPh>
    <phoneticPr fontId="3"/>
  </si>
  <si>
    <t>中央区日本橋一丁目２－１</t>
    <rPh sb="6" eb="9">
      <t>イッチョウメ</t>
    </rPh>
    <phoneticPr fontId="3"/>
  </si>
  <si>
    <t>ジャパンファーマシー薬局</t>
    <rPh sb="10" eb="12">
      <t>ヤッキョク</t>
    </rPh>
    <phoneticPr fontId="3"/>
  </si>
  <si>
    <t>中央区谷町四丁目１－２</t>
    <rPh sb="0" eb="3">
      <t>チュウオウク</t>
    </rPh>
    <rPh sb="3" eb="5">
      <t>タニマチ</t>
    </rPh>
    <rPh sb="5" eb="8">
      <t>ヨンチョウメ</t>
    </rPh>
    <phoneticPr fontId="3"/>
  </si>
  <si>
    <t>中央区難波四丁目５－５</t>
    <rPh sb="0" eb="3">
      <t>チュウオウク</t>
    </rPh>
    <rPh sb="3" eb="5">
      <t>ナンバ</t>
    </rPh>
    <rPh sb="5" eb="8">
      <t>ヨンチョウメ</t>
    </rPh>
    <phoneticPr fontId="3"/>
  </si>
  <si>
    <t>さくら薬局</t>
    <rPh sb="3" eb="5">
      <t>ヤッキョク</t>
    </rPh>
    <phoneticPr fontId="3"/>
  </si>
  <si>
    <t>中央区谷町六丁目１７－１４</t>
    <rPh sb="0" eb="3">
      <t>チュウオウク</t>
    </rPh>
    <rPh sb="3" eb="5">
      <t>タニマチ</t>
    </rPh>
    <rPh sb="5" eb="8">
      <t>ロクチョウメ</t>
    </rPh>
    <phoneticPr fontId="3"/>
  </si>
  <si>
    <t>心斎橋一龍堂薬局</t>
    <rPh sb="0" eb="3">
      <t>シンサイバシ</t>
    </rPh>
    <rPh sb="3" eb="4">
      <t>イチ</t>
    </rPh>
    <rPh sb="4" eb="5">
      <t>リュウ</t>
    </rPh>
    <rPh sb="5" eb="6">
      <t>ドウ</t>
    </rPh>
    <rPh sb="6" eb="8">
      <t>ヤッキョク</t>
    </rPh>
    <phoneticPr fontId="3"/>
  </si>
  <si>
    <t>中央区南船場二丁目６－１５　
チトセビル　１階</t>
    <rPh sb="0" eb="3">
      <t>チュウオウク</t>
    </rPh>
    <rPh sb="3" eb="6">
      <t>ミナミセンバ</t>
    </rPh>
    <rPh sb="6" eb="9">
      <t>ニチョウメ</t>
    </rPh>
    <rPh sb="22" eb="23">
      <t>カイ</t>
    </rPh>
    <phoneticPr fontId="3"/>
  </si>
  <si>
    <t>戎橋阪本薬局</t>
    <rPh sb="0" eb="1">
      <t>エビス</t>
    </rPh>
    <rPh sb="1" eb="2">
      <t>バシ</t>
    </rPh>
    <rPh sb="2" eb="4">
      <t>サカモト</t>
    </rPh>
    <rPh sb="4" eb="6">
      <t>ヤッキョク</t>
    </rPh>
    <phoneticPr fontId="3"/>
  </si>
  <si>
    <t>中央区日本橋一丁目２０－９</t>
    <rPh sb="0" eb="3">
      <t>チュウオウク</t>
    </rPh>
    <rPh sb="3" eb="6">
      <t>ニホンバシ</t>
    </rPh>
    <rPh sb="6" eb="9">
      <t>イッチョウメ</t>
    </rPh>
    <phoneticPr fontId="3"/>
  </si>
  <si>
    <t>セレブ薬局　天満店</t>
    <rPh sb="3" eb="5">
      <t>ヤッキョク</t>
    </rPh>
    <rPh sb="6" eb="8">
      <t>テンマ</t>
    </rPh>
    <rPh sb="8" eb="9">
      <t>テン</t>
    </rPh>
    <phoneticPr fontId="3"/>
  </si>
  <si>
    <t>中央区谷町一丁目５－６　
サンユー天満橋ビル　１階</t>
    <rPh sb="0" eb="3">
      <t>チュウオウク</t>
    </rPh>
    <rPh sb="3" eb="5">
      <t>タニマチ</t>
    </rPh>
    <rPh sb="5" eb="8">
      <t>イッチョウメ</t>
    </rPh>
    <rPh sb="17" eb="20">
      <t>テンマバシ</t>
    </rPh>
    <rPh sb="24" eb="25">
      <t>カイ</t>
    </rPh>
    <phoneticPr fontId="3"/>
  </si>
  <si>
    <t>元気薬局</t>
    <rPh sb="0" eb="2">
      <t>ゲンキ</t>
    </rPh>
    <rPh sb="2" eb="4">
      <t>ヤッキョク</t>
    </rPh>
    <phoneticPr fontId="3"/>
  </si>
  <si>
    <t>中央区谷町四丁目２－１６　
コーポ谷町　１階</t>
    <rPh sb="0" eb="3">
      <t>チュウオウク</t>
    </rPh>
    <rPh sb="3" eb="5">
      <t>タニマチ</t>
    </rPh>
    <rPh sb="5" eb="8">
      <t>ヨンチョウメ</t>
    </rPh>
    <rPh sb="17" eb="18">
      <t>タニ</t>
    </rPh>
    <rPh sb="18" eb="19">
      <t>マチ</t>
    </rPh>
    <rPh sb="21" eb="22">
      <t>カイ</t>
    </rPh>
    <phoneticPr fontId="3"/>
  </si>
  <si>
    <t>ドウニン薬局</t>
    <rPh sb="4" eb="6">
      <t>ヤッキョク</t>
    </rPh>
    <phoneticPr fontId="3"/>
  </si>
  <si>
    <t>中央区島之内二丁目８－２９　
ディアコート島之内　１階</t>
    <rPh sb="0" eb="3">
      <t>チュウオウク</t>
    </rPh>
    <rPh sb="3" eb="6">
      <t>シマノウチ</t>
    </rPh>
    <rPh sb="6" eb="9">
      <t>ニチョウメ</t>
    </rPh>
    <rPh sb="21" eb="24">
      <t>シマノウチ</t>
    </rPh>
    <rPh sb="26" eb="27">
      <t>カイ</t>
    </rPh>
    <phoneticPr fontId="3"/>
  </si>
  <si>
    <t>中央区道修町四丁目５－１０</t>
    <rPh sb="6" eb="9">
      <t>ヨンチョウメ</t>
    </rPh>
    <phoneticPr fontId="3"/>
  </si>
  <si>
    <t>ファーコス薬局  ファースト</t>
    <rPh sb="5" eb="7">
      <t>ヤッキョク</t>
    </rPh>
    <phoneticPr fontId="3"/>
  </si>
  <si>
    <t>中央区今橋三丁目２－１７　
緒方ビル　１階</t>
    <rPh sb="0" eb="3">
      <t>チュウオウク</t>
    </rPh>
    <rPh sb="3" eb="5">
      <t>イマバシ</t>
    </rPh>
    <rPh sb="5" eb="8">
      <t>サンチョウメ</t>
    </rPh>
    <rPh sb="14" eb="16">
      <t>オガタ</t>
    </rPh>
    <rPh sb="20" eb="21">
      <t>カイ</t>
    </rPh>
    <phoneticPr fontId="3"/>
  </si>
  <si>
    <t>春日野薬局　谷町店</t>
    <rPh sb="0" eb="3">
      <t>カスガノ</t>
    </rPh>
    <rPh sb="3" eb="5">
      <t>ヤッキョク</t>
    </rPh>
    <rPh sb="6" eb="7">
      <t>タニ</t>
    </rPh>
    <rPh sb="7" eb="8">
      <t>マチ</t>
    </rPh>
    <rPh sb="8" eb="9">
      <t>テン</t>
    </rPh>
    <phoneticPr fontId="3"/>
  </si>
  <si>
    <t>中央区谷町七丁目１－４４　
ＴＡＮＣＥ谷町　１階　</t>
    <rPh sb="0" eb="3">
      <t>チュウオウク</t>
    </rPh>
    <rPh sb="3" eb="5">
      <t>タニマチ</t>
    </rPh>
    <rPh sb="5" eb="8">
      <t>ナナチョウメ</t>
    </rPh>
    <rPh sb="19" eb="20">
      <t>タニ</t>
    </rPh>
    <rPh sb="20" eb="21">
      <t>マチ</t>
    </rPh>
    <rPh sb="23" eb="24">
      <t>カイ</t>
    </rPh>
    <phoneticPr fontId="3"/>
  </si>
  <si>
    <t>府薬会営中央薬局</t>
    <rPh sb="0" eb="1">
      <t>フ</t>
    </rPh>
    <phoneticPr fontId="3"/>
  </si>
  <si>
    <t>中央区和泉町一丁目３－８　
大阪府薬剤師会館西館　１階</t>
    <rPh sb="6" eb="9">
      <t>イッチョウメ</t>
    </rPh>
    <phoneticPr fontId="3"/>
  </si>
  <si>
    <t>中央区安土町三丁目４－８　
東光ビル　１階</t>
    <rPh sb="0" eb="3">
      <t>チュウオウク</t>
    </rPh>
    <rPh sb="3" eb="6">
      <t>アヅチチョウ</t>
    </rPh>
    <rPh sb="6" eb="9">
      <t>サンチョウメ</t>
    </rPh>
    <rPh sb="14" eb="16">
      <t>トウコウ</t>
    </rPh>
    <rPh sb="20" eb="21">
      <t>カイ</t>
    </rPh>
    <phoneticPr fontId="3"/>
  </si>
  <si>
    <t>クオール薬局　御堂店</t>
    <rPh sb="4" eb="6">
      <t>ヤッキョク</t>
    </rPh>
    <rPh sb="7" eb="10">
      <t>ミドウテン</t>
    </rPh>
    <phoneticPr fontId="3"/>
  </si>
  <si>
    <t>中央区久太郎町四丁目１－３　
大阪センタービル　１０階</t>
    <rPh sb="0" eb="3">
      <t>チュウオウク</t>
    </rPh>
    <rPh sb="3" eb="4">
      <t>キュウ</t>
    </rPh>
    <rPh sb="4" eb="6">
      <t>タロウ</t>
    </rPh>
    <rPh sb="6" eb="7">
      <t>チョウ</t>
    </rPh>
    <rPh sb="7" eb="10">
      <t>ヨンチョウメ</t>
    </rPh>
    <rPh sb="15" eb="17">
      <t>オオサカ</t>
    </rPh>
    <rPh sb="26" eb="27">
      <t>カイ</t>
    </rPh>
    <phoneticPr fontId="3"/>
  </si>
  <si>
    <t>セガミ薬局　御堂筋本町店</t>
    <rPh sb="3" eb="5">
      <t>ヤッキョク</t>
    </rPh>
    <rPh sb="6" eb="8">
      <t>ミドウ</t>
    </rPh>
    <rPh sb="8" eb="9">
      <t>スジ</t>
    </rPh>
    <rPh sb="9" eb="11">
      <t>ホンマチ</t>
    </rPh>
    <rPh sb="11" eb="12">
      <t>テン</t>
    </rPh>
    <phoneticPr fontId="3"/>
  </si>
  <si>
    <t>中央区備後町四丁目１－３－１０１　
御堂筋三井ビル　１階</t>
    <rPh sb="0" eb="3">
      <t>チュウオウク</t>
    </rPh>
    <rPh sb="3" eb="5">
      <t>ビンゴ</t>
    </rPh>
    <rPh sb="5" eb="6">
      <t>チョウ</t>
    </rPh>
    <rPh sb="6" eb="7">
      <t>ヨン</t>
    </rPh>
    <rPh sb="7" eb="9">
      <t>チョウメ</t>
    </rPh>
    <rPh sb="18" eb="20">
      <t>ミドウ</t>
    </rPh>
    <rPh sb="20" eb="21">
      <t>スジ</t>
    </rPh>
    <rPh sb="21" eb="23">
      <t>ミツイ</t>
    </rPh>
    <rPh sb="27" eb="28">
      <t>カイ</t>
    </rPh>
    <phoneticPr fontId="3"/>
  </si>
  <si>
    <t>宮薬局</t>
    <rPh sb="0" eb="1">
      <t>ミヤ</t>
    </rPh>
    <rPh sb="1" eb="3">
      <t>ヤッキョク</t>
    </rPh>
    <phoneticPr fontId="3"/>
  </si>
  <si>
    <t>中央区大手前一丁目６－７</t>
    <rPh sb="0" eb="3">
      <t>チュウオウク</t>
    </rPh>
    <rPh sb="3" eb="6">
      <t>オオテマエ</t>
    </rPh>
    <rPh sb="6" eb="9">
      <t>イッチョウメ</t>
    </rPh>
    <phoneticPr fontId="3"/>
  </si>
  <si>
    <t>サン薬局　本町店</t>
    <rPh sb="2" eb="4">
      <t>ヤッキョク</t>
    </rPh>
    <rPh sb="5" eb="7">
      <t>ホンマチ</t>
    </rPh>
    <rPh sb="7" eb="8">
      <t>テン</t>
    </rPh>
    <phoneticPr fontId="3"/>
  </si>
  <si>
    <t>中央区久太郎町三丁目３－９　
ＯＲＩＸ久太郎町ビル　１階</t>
    <rPh sb="0" eb="3">
      <t>チュウオウク</t>
    </rPh>
    <rPh sb="3" eb="6">
      <t>キュウタロウ</t>
    </rPh>
    <rPh sb="6" eb="7">
      <t>チョウ</t>
    </rPh>
    <rPh sb="7" eb="8">
      <t>3</t>
    </rPh>
    <rPh sb="8" eb="10">
      <t>チョウメ</t>
    </rPh>
    <rPh sb="19" eb="22">
      <t>キュウタロウ</t>
    </rPh>
    <rPh sb="22" eb="23">
      <t>マチ</t>
    </rPh>
    <rPh sb="27" eb="28">
      <t>カイ</t>
    </rPh>
    <phoneticPr fontId="3"/>
  </si>
  <si>
    <t>えびす薬局　心斎橋店</t>
    <rPh sb="3" eb="5">
      <t>ヤッキョク</t>
    </rPh>
    <rPh sb="6" eb="10">
      <t>シンサイバシテン</t>
    </rPh>
    <phoneticPr fontId="3"/>
  </si>
  <si>
    <t>中央区東心斎橋一丁目１０－１　
グローリー心斎橋ビル　１階</t>
    <rPh sb="0" eb="3">
      <t>チュウオウク</t>
    </rPh>
    <rPh sb="3" eb="4">
      <t>ヒガシ</t>
    </rPh>
    <rPh sb="4" eb="7">
      <t>シンサイバシ</t>
    </rPh>
    <rPh sb="7" eb="10">
      <t>1チョウメ</t>
    </rPh>
    <rPh sb="21" eb="24">
      <t>シンサイバシ</t>
    </rPh>
    <rPh sb="28" eb="29">
      <t>カイ</t>
    </rPh>
    <phoneticPr fontId="3"/>
  </si>
  <si>
    <t>コクミン薬局　淀屋橋駅店</t>
    <rPh sb="4" eb="6">
      <t>ヤッキョク</t>
    </rPh>
    <rPh sb="7" eb="10">
      <t>ヨドヤバシ</t>
    </rPh>
    <rPh sb="10" eb="11">
      <t>エキ</t>
    </rPh>
    <rPh sb="11" eb="12">
      <t>テン</t>
    </rPh>
    <phoneticPr fontId="3"/>
  </si>
  <si>
    <t>中央区北浜三丁目６－１３　
日土地淀屋橋ビル　地下１階</t>
    <rPh sb="0" eb="3">
      <t>チュウオウク</t>
    </rPh>
    <rPh sb="3" eb="5">
      <t>キタハマ</t>
    </rPh>
    <rPh sb="5" eb="8">
      <t>3チョウメ</t>
    </rPh>
    <rPh sb="14" eb="15">
      <t>ニチ</t>
    </rPh>
    <rPh sb="15" eb="17">
      <t>トチ</t>
    </rPh>
    <rPh sb="17" eb="20">
      <t>ヨドヤバシ</t>
    </rPh>
    <rPh sb="23" eb="25">
      <t>チカ</t>
    </rPh>
    <rPh sb="26" eb="27">
      <t>カイ</t>
    </rPh>
    <phoneticPr fontId="3"/>
  </si>
  <si>
    <t>スギ薬局　谷町四丁目店</t>
    <rPh sb="2" eb="4">
      <t>ヤッキョク</t>
    </rPh>
    <rPh sb="5" eb="7">
      <t>タニマチ</t>
    </rPh>
    <rPh sb="7" eb="8">
      <t>４</t>
    </rPh>
    <rPh sb="8" eb="10">
      <t>チョウメ</t>
    </rPh>
    <rPh sb="10" eb="11">
      <t>テン</t>
    </rPh>
    <phoneticPr fontId="3"/>
  </si>
  <si>
    <t>中央区内本町１丁目１－５　
プラスサンビル　１階</t>
    <rPh sb="0" eb="3">
      <t>チュウオウク</t>
    </rPh>
    <rPh sb="3" eb="4">
      <t>ウチ</t>
    </rPh>
    <rPh sb="4" eb="6">
      <t>ホンマチ</t>
    </rPh>
    <rPh sb="7" eb="9">
      <t>チョウメ</t>
    </rPh>
    <rPh sb="23" eb="24">
      <t>カイ</t>
    </rPh>
    <phoneticPr fontId="3"/>
  </si>
  <si>
    <t>スギ薬局　堺筋本町店</t>
    <rPh sb="2" eb="4">
      <t>ヤッキョク</t>
    </rPh>
    <rPh sb="5" eb="6">
      <t>サカイ</t>
    </rPh>
    <rPh sb="6" eb="7">
      <t>スジ</t>
    </rPh>
    <rPh sb="7" eb="9">
      <t>ホンマチ</t>
    </rPh>
    <rPh sb="9" eb="10">
      <t>テン</t>
    </rPh>
    <phoneticPr fontId="3"/>
  </si>
  <si>
    <t>中央区本町１丁目５－６　
大阪山甚ビル　１階</t>
    <rPh sb="0" eb="3">
      <t>チュウオウク</t>
    </rPh>
    <rPh sb="3" eb="5">
      <t>ホンマチ</t>
    </rPh>
    <rPh sb="6" eb="8">
      <t>チョウメ</t>
    </rPh>
    <rPh sb="13" eb="15">
      <t>オオサカ</t>
    </rPh>
    <rPh sb="15" eb="16">
      <t>ヤマ</t>
    </rPh>
    <rPh sb="16" eb="17">
      <t>ジン</t>
    </rPh>
    <rPh sb="21" eb="22">
      <t>カイ</t>
    </rPh>
    <phoneticPr fontId="3"/>
  </si>
  <si>
    <t>チェリー薬局　からほり店</t>
    <rPh sb="4" eb="6">
      <t>ヤッキョク</t>
    </rPh>
    <rPh sb="11" eb="12">
      <t>テン</t>
    </rPh>
    <phoneticPr fontId="3"/>
  </si>
  <si>
    <t>中央区谷町七丁目１－４７</t>
    <rPh sb="0" eb="3">
      <t>チュウオウク</t>
    </rPh>
    <rPh sb="3" eb="5">
      <t>タニマチ</t>
    </rPh>
    <rPh sb="5" eb="8">
      <t>ナナチョウメ</t>
    </rPh>
    <phoneticPr fontId="3"/>
  </si>
  <si>
    <t>サン薬局　なんば店</t>
    <rPh sb="2" eb="4">
      <t>ヤッキョク</t>
    </rPh>
    <rPh sb="8" eb="9">
      <t>テン</t>
    </rPh>
    <phoneticPr fontId="3"/>
  </si>
  <si>
    <t>中央区難波三丁目７－１２　
ＧＰ・ＧＡＴＥビル　８階</t>
    <rPh sb="0" eb="3">
      <t>チュウオウク</t>
    </rPh>
    <rPh sb="3" eb="5">
      <t>ナンバ</t>
    </rPh>
    <rPh sb="5" eb="8">
      <t>サンチョウメ</t>
    </rPh>
    <rPh sb="25" eb="26">
      <t>カイ</t>
    </rPh>
    <phoneticPr fontId="3"/>
  </si>
  <si>
    <t>さくら薬局　大阪船越店</t>
    <rPh sb="3" eb="5">
      <t>ヤッキョク</t>
    </rPh>
    <rPh sb="6" eb="8">
      <t>オオサカ</t>
    </rPh>
    <rPh sb="8" eb="10">
      <t>フナコシ</t>
    </rPh>
    <rPh sb="10" eb="11">
      <t>テン</t>
    </rPh>
    <phoneticPr fontId="3"/>
  </si>
  <si>
    <t>中央区船越町二丁目１－５　
吉見ビル　１階</t>
    <rPh sb="0" eb="3">
      <t>チュウオウク</t>
    </rPh>
    <rPh sb="3" eb="5">
      <t>フナコシ</t>
    </rPh>
    <rPh sb="5" eb="6">
      <t>チョウ</t>
    </rPh>
    <rPh sb="6" eb="9">
      <t>ニチョウメ</t>
    </rPh>
    <rPh sb="14" eb="15">
      <t>ヨシ</t>
    </rPh>
    <rPh sb="15" eb="16">
      <t>ミ</t>
    </rPh>
    <rPh sb="20" eb="21">
      <t>カイ</t>
    </rPh>
    <phoneticPr fontId="3"/>
  </si>
  <si>
    <t>ひよこ薬局</t>
    <rPh sb="3" eb="5">
      <t>ヤッキョク</t>
    </rPh>
    <phoneticPr fontId="3"/>
  </si>
  <si>
    <t>中央区日本橋一丁目３－１　
三共日本橋ビル　８階</t>
    <rPh sb="0" eb="3">
      <t>チュウオウク</t>
    </rPh>
    <rPh sb="3" eb="6">
      <t>ニホンバシ</t>
    </rPh>
    <rPh sb="6" eb="9">
      <t>イッチョウメ</t>
    </rPh>
    <rPh sb="14" eb="15">
      <t>サン</t>
    </rPh>
    <rPh sb="15" eb="16">
      <t>トモ</t>
    </rPh>
    <rPh sb="16" eb="19">
      <t>ニホンバシ</t>
    </rPh>
    <rPh sb="23" eb="24">
      <t>カイ</t>
    </rPh>
    <phoneticPr fontId="3"/>
  </si>
  <si>
    <t>ファーマシィとくい薬局</t>
    <rPh sb="9" eb="11">
      <t>ヤッキョク</t>
    </rPh>
    <phoneticPr fontId="3"/>
  </si>
  <si>
    <t>中央区徳井町一丁目３－１４　
１階</t>
    <rPh sb="0" eb="3">
      <t>チュウオウク</t>
    </rPh>
    <rPh sb="3" eb="4">
      <t>トク</t>
    </rPh>
    <rPh sb="4" eb="5">
      <t>イ</t>
    </rPh>
    <rPh sb="5" eb="6">
      <t>チョウ</t>
    </rPh>
    <rPh sb="6" eb="7">
      <t>１</t>
    </rPh>
    <rPh sb="7" eb="9">
      <t>チョウメ</t>
    </rPh>
    <rPh sb="16" eb="17">
      <t>カイ</t>
    </rPh>
    <phoneticPr fontId="3"/>
  </si>
  <si>
    <t>オレンジ薬局　堺筋本町店</t>
    <rPh sb="4" eb="6">
      <t>ヤッキョク</t>
    </rPh>
    <rPh sb="7" eb="8">
      <t>サカイ</t>
    </rPh>
    <rPh sb="8" eb="9">
      <t>スジ</t>
    </rPh>
    <rPh sb="9" eb="11">
      <t>ホンマチ</t>
    </rPh>
    <rPh sb="11" eb="12">
      <t>テン</t>
    </rPh>
    <phoneticPr fontId="3"/>
  </si>
  <si>
    <t>中央区南本町二丁目２－９　
辰野南本町ビル　１階</t>
    <rPh sb="0" eb="3">
      <t>チュウオウク</t>
    </rPh>
    <rPh sb="3" eb="6">
      <t>ミナミホンマチ</t>
    </rPh>
    <rPh sb="6" eb="7">
      <t>２</t>
    </rPh>
    <rPh sb="7" eb="9">
      <t>チョウメ</t>
    </rPh>
    <rPh sb="14" eb="16">
      <t>タツノ</t>
    </rPh>
    <rPh sb="16" eb="17">
      <t>ミナミ</t>
    </rPh>
    <rPh sb="17" eb="19">
      <t>ホンマチ</t>
    </rPh>
    <rPh sb="23" eb="24">
      <t>カイ</t>
    </rPh>
    <phoneticPr fontId="3"/>
  </si>
  <si>
    <t>スギ薬局　瓦町１丁目店</t>
    <rPh sb="2" eb="4">
      <t>ヤッキョク</t>
    </rPh>
    <rPh sb="5" eb="7">
      <t>カワラマチ</t>
    </rPh>
    <rPh sb="8" eb="10">
      <t>チョウメ</t>
    </rPh>
    <rPh sb="10" eb="11">
      <t>テン</t>
    </rPh>
    <phoneticPr fontId="3"/>
  </si>
  <si>
    <t>中央区瓦町一丁目６－１０　
ＪＰビル　１階</t>
    <rPh sb="0" eb="3">
      <t>チュウオウク</t>
    </rPh>
    <rPh sb="3" eb="5">
      <t>カワラマチ</t>
    </rPh>
    <rPh sb="5" eb="8">
      <t>１チョウメ</t>
    </rPh>
    <rPh sb="20" eb="21">
      <t>カイ</t>
    </rPh>
    <phoneticPr fontId="3"/>
  </si>
  <si>
    <t>オレンジ薬局　天満橋店</t>
    <rPh sb="4" eb="6">
      <t>ヤッキョク</t>
    </rPh>
    <rPh sb="7" eb="10">
      <t>テンマバシ</t>
    </rPh>
    <rPh sb="10" eb="11">
      <t>テン</t>
    </rPh>
    <phoneticPr fontId="3"/>
  </si>
  <si>
    <t>中央区谷町一丁目３－５　
アンフィニィ天満橋　１階</t>
    <rPh sb="0" eb="3">
      <t>チュウオウク</t>
    </rPh>
    <rPh sb="3" eb="5">
      <t>タニマチ</t>
    </rPh>
    <rPh sb="5" eb="8">
      <t>イッチョウメ</t>
    </rPh>
    <rPh sb="19" eb="22">
      <t>テンマバシ</t>
    </rPh>
    <rPh sb="24" eb="25">
      <t>カイ</t>
    </rPh>
    <phoneticPr fontId="3"/>
  </si>
  <si>
    <t>森ノ宮ステーション薬局</t>
    <rPh sb="0" eb="1">
      <t>モリ</t>
    </rPh>
    <rPh sb="2" eb="3">
      <t>ミヤ</t>
    </rPh>
    <rPh sb="9" eb="11">
      <t>ヤッキョク</t>
    </rPh>
    <phoneticPr fontId="3"/>
  </si>
  <si>
    <t>中央区森ノ宮中央一丁目１－３０　
ビエラ森ノ宮　１階</t>
    <rPh sb="0" eb="3">
      <t>チュウオウク</t>
    </rPh>
    <rPh sb="3" eb="4">
      <t>モリ</t>
    </rPh>
    <rPh sb="5" eb="6">
      <t>ミヤ</t>
    </rPh>
    <rPh sb="6" eb="8">
      <t>チュウオウ</t>
    </rPh>
    <rPh sb="8" eb="11">
      <t>イッチョウメ</t>
    </rPh>
    <rPh sb="20" eb="21">
      <t>モリ</t>
    </rPh>
    <rPh sb="22" eb="23">
      <t>ミヤ</t>
    </rPh>
    <rPh sb="25" eb="26">
      <t>カイ</t>
    </rPh>
    <phoneticPr fontId="3"/>
  </si>
  <si>
    <t>スギ薬局　北久宝寺店</t>
    <rPh sb="2" eb="4">
      <t>ヤッキョク</t>
    </rPh>
    <rPh sb="5" eb="6">
      <t>キタ</t>
    </rPh>
    <rPh sb="6" eb="9">
      <t>キュウホウジ</t>
    </rPh>
    <rPh sb="9" eb="10">
      <t>テン</t>
    </rPh>
    <phoneticPr fontId="3"/>
  </si>
  <si>
    <t>中央区北久宝寺町一丁目９－１　
セントピアビル　1階</t>
    <rPh sb="0" eb="3">
      <t>チュウオウク</t>
    </rPh>
    <rPh sb="3" eb="4">
      <t>キタ</t>
    </rPh>
    <rPh sb="4" eb="7">
      <t>キュウホウジ</t>
    </rPh>
    <rPh sb="7" eb="8">
      <t>チョウ</t>
    </rPh>
    <rPh sb="8" eb="11">
      <t>１チョウメ</t>
    </rPh>
    <rPh sb="25" eb="26">
      <t>カイ</t>
    </rPh>
    <phoneticPr fontId="3"/>
  </si>
  <si>
    <t>葵調剤　なんば店</t>
    <rPh sb="0" eb="1">
      <t>アオイ</t>
    </rPh>
    <rPh sb="1" eb="3">
      <t>チョウザイ</t>
    </rPh>
    <rPh sb="7" eb="8">
      <t>テン</t>
    </rPh>
    <phoneticPr fontId="3"/>
  </si>
  <si>
    <t>中央区難波三丁目５－８　
三栄御堂筋ビル　７階</t>
    <rPh sb="0" eb="3">
      <t>チュウオウク</t>
    </rPh>
    <rPh sb="3" eb="5">
      <t>ナンバ</t>
    </rPh>
    <rPh sb="5" eb="8">
      <t>３チョウメ</t>
    </rPh>
    <rPh sb="13" eb="14">
      <t>サン</t>
    </rPh>
    <rPh sb="14" eb="15">
      <t>エイ</t>
    </rPh>
    <rPh sb="15" eb="17">
      <t>ミドウ</t>
    </rPh>
    <rPh sb="17" eb="18">
      <t>スジ</t>
    </rPh>
    <rPh sb="22" eb="23">
      <t>カイ</t>
    </rPh>
    <phoneticPr fontId="3"/>
  </si>
  <si>
    <t>本町薬局</t>
    <rPh sb="0" eb="2">
      <t>ホンマチ</t>
    </rPh>
    <rPh sb="2" eb="4">
      <t>ヤッキョク</t>
    </rPh>
    <phoneticPr fontId="3"/>
  </si>
  <si>
    <t>中央区南本町四丁目１－１　
ヨドコウビル地下　１階</t>
    <rPh sb="0" eb="3">
      <t>チュウオウク</t>
    </rPh>
    <rPh sb="3" eb="4">
      <t>ミナミ</t>
    </rPh>
    <rPh sb="4" eb="6">
      <t>ホンマチ</t>
    </rPh>
    <rPh sb="6" eb="9">
      <t>４チョウメ</t>
    </rPh>
    <rPh sb="20" eb="22">
      <t>チカ</t>
    </rPh>
    <rPh sb="24" eb="25">
      <t>カイ</t>
    </rPh>
    <phoneticPr fontId="3"/>
  </si>
  <si>
    <t>黒門薬局</t>
    <rPh sb="0" eb="2">
      <t>クロモン</t>
    </rPh>
    <rPh sb="2" eb="4">
      <t>ヤッキョク</t>
    </rPh>
    <phoneticPr fontId="3"/>
  </si>
  <si>
    <t>中央区日本橋二丁目１１－８</t>
    <rPh sb="0" eb="3">
      <t>チュウオウク</t>
    </rPh>
    <rPh sb="3" eb="6">
      <t>ニホンバシ</t>
    </rPh>
    <rPh sb="6" eb="7">
      <t>２</t>
    </rPh>
    <rPh sb="7" eb="9">
      <t>チョウメ</t>
    </rPh>
    <phoneticPr fontId="3"/>
  </si>
  <si>
    <t>船越ウノ薬局</t>
    <rPh sb="0" eb="2">
      <t>フナコシ</t>
    </rPh>
    <rPh sb="4" eb="6">
      <t>ヤッキョク</t>
    </rPh>
    <phoneticPr fontId="3"/>
  </si>
  <si>
    <t>中央区船越町二丁目３－４－１０２</t>
    <rPh sb="0" eb="3">
      <t>チュウオウク</t>
    </rPh>
    <rPh sb="3" eb="5">
      <t>フナコシ</t>
    </rPh>
    <rPh sb="5" eb="6">
      <t>チョウ</t>
    </rPh>
    <rPh sb="6" eb="9">
      <t>ニチョウメ</t>
    </rPh>
    <phoneticPr fontId="3"/>
  </si>
  <si>
    <t>きらめき薬局</t>
    <rPh sb="4" eb="6">
      <t>ヤッキョク</t>
    </rPh>
    <phoneticPr fontId="3"/>
  </si>
  <si>
    <t>中央区谷町四丁目６－３－３０１　
シーダプレイスⅡ</t>
    <rPh sb="0" eb="3">
      <t>チュウオウク</t>
    </rPh>
    <rPh sb="3" eb="5">
      <t>タニマチ</t>
    </rPh>
    <rPh sb="5" eb="8">
      <t>４チョウメ</t>
    </rPh>
    <phoneticPr fontId="3"/>
  </si>
  <si>
    <t>オレンジ薬局　谷六店</t>
    <rPh sb="4" eb="6">
      <t>ヤッキョク</t>
    </rPh>
    <rPh sb="7" eb="8">
      <t>タニ</t>
    </rPh>
    <rPh sb="8" eb="9">
      <t>ロク</t>
    </rPh>
    <rPh sb="9" eb="10">
      <t>テン</t>
    </rPh>
    <phoneticPr fontId="3"/>
  </si>
  <si>
    <t>中央区安堂寺町一丁目６－４－１０１　
安堂寺ビル</t>
    <rPh sb="0" eb="3">
      <t>チュウオウク</t>
    </rPh>
    <rPh sb="3" eb="5">
      <t>アンドウ</t>
    </rPh>
    <rPh sb="5" eb="6">
      <t>ジ</t>
    </rPh>
    <rPh sb="6" eb="7">
      <t>チョウ</t>
    </rPh>
    <rPh sb="7" eb="10">
      <t>１チョウメ</t>
    </rPh>
    <rPh sb="19" eb="22">
      <t>アンドウジ</t>
    </rPh>
    <phoneticPr fontId="3"/>
  </si>
  <si>
    <t>やまき薬局</t>
    <rPh sb="3" eb="5">
      <t>ヤッキョク</t>
    </rPh>
    <phoneticPr fontId="3"/>
  </si>
  <si>
    <t>中央区安堂寺町二丁目６－３　
アイズワンⅢ　１階</t>
    <rPh sb="0" eb="3">
      <t>チュウオウク</t>
    </rPh>
    <rPh sb="3" eb="6">
      <t>アンドウジ</t>
    </rPh>
    <rPh sb="6" eb="7">
      <t>チョウ</t>
    </rPh>
    <rPh sb="7" eb="10">
      <t>２チョウメ</t>
    </rPh>
    <rPh sb="23" eb="24">
      <t>カイ</t>
    </rPh>
    <phoneticPr fontId="3"/>
  </si>
  <si>
    <t>クオール薬局　北浜店</t>
    <rPh sb="4" eb="6">
      <t>ヤッキョク</t>
    </rPh>
    <rPh sb="7" eb="9">
      <t>キタハマ</t>
    </rPh>
    <rPh sb="9" eb="10">
      <t>ミセ</t>
    </rPh>
    <phoneticPr fontId="3"/>
  </si>
  <si>
    <t>中央区高麗橋一丁目７－３　
ザ・北浜プラザ　３階</t>
    <rPh sb="0" eb="3">
      <t>チュウオウク</t>
    </rPh>
    <rPh sb="3" eb="6">
      <t>コウライバシ</t>
    </rPh>
    <rPh sb="6" eb="9">
      <t>１チョウメ</t>
    </rPh>
    <rPh sb="16" eb="18">
      <t>キタハマ</t>
    </rPh>
    <rPh sb="23" eb="24">
      <t>カイ</t>
    </rPh>
    <phoneticPr fontId="3"/>
  </si>
  <si>
    <t>阪神調剤薬局　心斎橋店</t>
    <rPh sb="0" eb="2">
      <t>ハンシン</t>
    </rPh>
    <rPh sb="2" eb="4">
      <t>チョウザイ</t>
    </rPh>
    <rPh sb="4" eb="6">
      <t>ヤッキョク</t>
    </rPh>
    <rPh sb="7" eb="10">
      <t>シンサイバシ</t>
    </rPh>
    <rPh sb="10" eb="11">
      <t>テン</t>
    </rPh>
    <phoneticPr fontId="3"/>
  </si>
  <si>
    <t>中央区南船場四丁目４－１７　
HS南船場BLD　１階</t>
    <rPh sb="0" eb="3">
      <t>チュウオウク</t>
    </rPh>
    <rPh sb="3" eb="6">
      <t>ミナミセンバ</t>
    </rPh>
    <rPh sb="6" eb="9">
      <t>４チョウメ</t>
    </rPh>
    <rPh sb="17" eb="18">
      <t>ミナミ</t>
    </rPh>
    <rPh sb="18" eb="20">
      <t>センバ</t>
    </rPh>
    <rPh sb="25" eb="26">
      <t>カイ</t>
    </rPh>
    <phoneticPr fontId="3"/>
  </si>
  <si>
    <t>スギ薬局　戎橋筋店</t>
    <rPh sb="2" eb="4">
      <t>ヤッキョク</t>
    </rPh>
    <rPh sb="5" eb="7">
      <t>エビスバシ</t>
    </rPh>
    <rPh sb="7" eb="8">
      <t>スジ</t>
    </rPh>
    <rPh sb="8" eb="9">
      <t>テン</t>
    </rPh>
    <phoneticPr fontId="3"/>
  </si>
  <si>
    <t>中央区難波三丁目５－１　
ナンバ一番ビル　１階</t>
    <rPh sb="0" eb="3">
      <t>チュウオウク</t>
    </rPh>
    <rPh sb="3" eb="5">
      <t>ナンバ</t>
    </rPh>
    <rPh sb="5" eb="8">
      <t>３チョウメ</t>
    </rPh>
    <rPh sb="16" eb="18">
      <t>１バン</t>
    </rPh>
    <rPh sb="21" eb="23">
      <t>イチカイ</t>
    </rPh>
    <phoneticPr fontId="3"/>
  </si>
  <si>
    <t>オレンジ薬局　高津店</t>
    <rPh sb="4" eb="6">
      <t>ヤッキョク</t>
    </rPh>
    <rPh sb="7" eb="9">
      <t>コウヅ</t>
    </rPh>
    <rPh sb="9" eb="10">
      <t>テン</t>
    </rPh>
    <phoneticPr fontId="3"/>
  </si>
  <si>
    <t>中央区高津一丁目１－４４　
ブランシャトー高津　１階</t>
    <rPh sb="0" eb="3">
      <t>チュウオウク</t>
    </rPh>
    <rPh sb="3" eb="5">
      <t>コウヅ</t>
    </rPh>
    <rPh sb="5" eb="8">
      <t>１チョウメ</t>
    </rPh>
    <rPh sb="21" eb="23">
      <t>コウヅ</t>
    </rPh>
    <rPh sb="25" eb="26">
      <t>カイ</t>
    </rPh>
    <phoneticPr fontId="3"/>
  </si>
  <si>
    <t>スギ薬局　瓦屋町店</t>
    <rPh sb="2" eb="4">
      <t>ヤッキョク</t>
    </rPh>
    <rPh sb="5" eb="6">
      <t>カワラ</t>
    </rPh>
    <rPh sb="6" eb="7">
      <t>ヤ</t>
    </rPh>
    <rPh sb="7" eb="8">
      <t>マチ</t>
    </rPh>
    <rPh sb="8" eb="9">
      <t>テン</t>
    </rPh>
    <phoneticPr fontId="3"/>
  </si>
  <si>
    <t>542-0066</t>
  </si>
  <si>
    <t>中央区瓦屋町二丁目１１－１６　
オートセンタービル　１階</t>
    <rPh sb="0" eb="3">
      <t>チュウオウク</t>
    </rPh>
    <rPh sb="3" eb="6">
      <t>カワラヤマチ</t>
    </rPh>
    <rPh sb="6" eb="9">
      <t>２チョウメ</t>
    </rPh>
    <rPh sb="27" eb="28">
      <t>カイ</t>
    </rPh>
    <phoneticPr fontId="3"/>
  </si>
  <si>
    <t>アカカベ船場薬局</t>
    <rPh sb="4" eb="6">
      <t>センバ</t>
    </rPh>
    <rPh sb="6" eb="8">
      <t>ヤッキョク</t>
    </rPh>
    <phoneticPr fontId="3"/>
  </si>
  <si>
    <t>中央区南久宝寺町二丁目１－９
船場メディカルビル　１階</t>
    <rPh sb="0" eb="3">
      <t>チュウオウク</t>
    </rPh>
    <rPh sb="3" eb="4">
      <t>ミナミ</t>
    </rPh>
    <rPh sb="4" eb="5">
      <t>キュウ</t>
    </rPh>
    <rPh sb="5" eb="6">
      <t>ホウ</t>
    </rPh>
    <rPh sb="6" eb="7">
      <t>ジ</t>
    </rPh>
    <rPh sb="7" eb="8">
      <t>チョウ</t>
    </rPh>
    <rPh sb="8" eb="11">
      <t>２チョウメ</t>
    </rPh>
    <rPh sb="15" eb="17">
      <t>センバ</t>
    </rPh>
    <rPh sb="26" eb="27">
      <t>カイ</t>
    </rPh>
    <phoneticPr fontId="3"/>
  </si>
  <si>
    <t>アカカベ薬局　淡路町店</t>
    <rPh sb="4" eb="6">
      <t>ヤッキョク</t>
    </rPh>
    <rPh sb="7" eb="9">
      <t>アワジ</t>
    </rPh>
    <rPh sb="9" eb="10">
      <t>チョウ</t>
    </rPh>
    <rPh sb="10" eb="11">
      <t>テン</t>
    </rPh>
    <phoneticPr fontId="3"/>
  </si>
  <si>
    <t>中央区淡路町三丁目２－１３　
ゼルコヴァビル　１階</t>
    <rPh sb="0" eb="3">
      <t>チュウオウク</t>
    </rPh>
    <rPh sb="3" eb="5">
      <t>アワジ</t>
    </rPh>
    <rPh sb="5" eb="6">
      <t>マチ</t>
    </rPh>
    <rPh sb="6" eb="9">
      <t>３チョウメ</t>
    </rPh>
    <rPh sb="24" eb="25">
      <t>カイ</t>
    </rPh>
    <phoneticPr fontId="3"/>
  </si>
  <si>
    <t>きりん薬局</t>
    <rPh sb="3" eb="5">
      <t>ヤッキョク</t>
    </rPh>
    <phoneticPr fontId="3"/>
  </si>
  <si>
    <t>中央区日本橋一丁目１７－１７　
ピカソ日本一ビル　５階</t>
    <rPh sb="0" eb="3">
      <t>チュウオウク</t>
    </rPh>
    <rPh sb="3" eb="6">
      <t>ニホンバシ</t>
    </rPh>
    <rPh sb="6" eb="9">
      <t>1チョウメ</t>
    </rPh>
    <rPh sb="19" eb="22">
      <t>ニホンイチ</t>
    </rPh>
    <rPh sb="26" eb="27">
      <t>カイ</t>
    </rPh>
    <phoneticPr fontId="3"/>
  </si>
  <si>
    <t>阪神調剤薬局　大阪伏見店</t>
    <rPh sb="0" eb="2">
      <t>ハンシン</t>
    </rPh>
    <rPh sb="7" eb="9">
      <t>オオサカ</t>
    </rPh>
    <rPh sb="9" eb="11">
      <t>フシミ</t>
    </rPh>
    <rPh sb="11" eb="12">
      <t>テン</t>
    </rPh>
    <phoneticPr fontId="3"/>
  </si>
  <si>
    <t>中央区伏見町二丁目５－７　
岡田伏見町ビル　１階</t>
    <rPh sb="0" eb="3">
      <t>チュウオウク</t>
    </rPh>
    <rPh sb="3" eb="6">
      <t>フシミチョウ</t>
    </rPh>
    <rPh sb="6" eb="9">
      <t>2チョウメ</t>
    </rPh>
    <rPh sb="14" eb="16">
      <t>オカダ</t>
    </rPh>
    <rPh sb="16" eb="19">
      <t>フシミチョウ</t>
    </rPh>
    <rPh sb="23" eb="24">
      <t>カイ</t>
    </rPh>
    <phoneticPr fontId="3"/>
  </si>
  <si>
    <t>ハローファイン薬局　サウス店</t>
    <rPh sb="7" eb="9">
      <t>ヤッキョク</t>
    </rPh>
    <rPh sb="13" eb="14">
      <t>ミセ</t>
    </rPh>
    <phoneticPr fontId="3"/>
  </si>
  <si>
    <t>中央区松屋町３－２２　
メゾンセイル　１Ａ</t>
    <rPh sb="0" eb="3">
      <t>チュウオウク</t>
    </rPh>
    <rPh sb="3" eb="5">
      <t>マツヤ</t>
    </rPh>
    <rPh sb="5" eb="6">
      <t>マチ</t>
    </rPh>
    <phoneticPr fontId="3"/>
  </si>
  <si>
    <t>中央区森ノ宮中央二丁目１－７０
もりのみやキューズモールＢＡＳＥ　２階</t>
    <rPh sb="0" eb="3">
      <t>チュウオウク</t>
    </rPh>
    <rPh sb="3" eb="4">
      <t>モリ</t>
    </rPh>
    <rPh sb="5" eb="6">
      <t>ミヤ</t>
    </rPh>
    <rPh sb="6" eb="8">
      <t>チュウオウ</t>
    </rPh>
    <rPh sb="8" eb="11">
      <t>ニチョウメ</t>
    </rPh>
    <rPh sb="34" eb="35">
      <t>カイ</t>
    </rPh>
    <phoneticPr fontId="3"/>
  </si>
  <si>
    <t>フロンティア薬局  南船場店</t>
    <rPh sb="6" eb="8">
      <t>ヤッキョク</t>
    </rPh>
    <rPh sb="10" eb="11">
      <t>ミナミ</t>
    </rPh>
    <rPh sb="11" eb="13">
      <t>センバ</t>
    </rPh>
    <rPh sb="13" eb="14">
      <t>テン</t>
    </rPh>
    <phoneticPr fontId="3"/>
  </si>
  <si>
    <t>中央区南船場三丁目３－５　
ＯＫＹビル　１階</t>
    <rPh sb="0" eb="2">
      <t>チュウオウ</t>
    </rPh>
    <rPh sb="2" eb="3">
      <t>ク</t>
    </rPh>
    <rPh sb="3" eb="6">
      <t>ミナミセンバ</t>
    </rPh>
    <rPh sb="6" eb="9">
      <t>サンチョウメ</t>
    </rPh>
    <rPh sb="21" eb="22">
      <t>カイ</t>
    </rPh>
    <phoneticPr fontId="3"/>
  </si>
  <si>
    <t>アイン薬局　天満橋店</t>
    <rPh sb="3" eb="5">
      <t>ヤッキョク</t>
    </rPh>
    <rPh sb="6" eb="9">
      <t>テンマバシ</t>
    </rPh>
    <rPh sb="9" eb="10">
      <t>ミセ</t>
    </rPh>
    <phoneticPr fontId="3"/>
  </si>
  <si>
    <t>中央区大手前一丁目７－３１　
OMMビル　地下１階</t>
    <rPh sb="0" eb="3">
      <t>チュウオウク</t>
    </rPh>
    <rPh sb="3" eb="6">
      <t>オオテマエ</t>
    </rPh>
    <rPh sb="6" eb="7">
      <t>１</t>
    </rPh>
    <rPh sb="7" eb="9">
      <t>チョウメ</t>
    </rPh>
    <rPh sb="21" eb="23">
      <t>チカ</t>
    </rPh>
    <rPh sb="24" eb="25">
      <t>カイ</t>
    </rPh>
    <phoneticPr fontId="3"/>
  </si>
  <si>
    <t>かるがも薬局　長堀橋店</t>
    <rPh sb="4" eb="6">
      <t>ヤ</t>
    </rPh>
    <rPh sb="7" eb="9">
      <t>ナガホリ</t>
    </rPh>
    <rPh sb="9" eb="10">
      <t>バシ</t>
    </rPh>
    <rPh sb="10" eb="11">
      <t>ミセ</t>
    </rPh>
    <phoneticPr fontId="3"/>
  </si>
  <si>
    <t>中央区島之内二丁目１４－２１　
島之内はりまやビル　６階</t>
    <rPh sb="0" eb="3">
      <t>チュウオウク</t>
    </rPh>
    <rPh sb="3" eb="6">
      <t>シマノウチ</t>
    </rPh>
    <rPh sb="6" eb="9">
      <t>ニチョウメ</t>
    </rPh>
    <rPh sb="16" eb="19">
      <t>シマノウチ</t>
    </rPh>
    <rPh sb="27" eb="28">
      <t>カイ</t>
    </rPh>
    <phoneticPr fontId="3"/>
  </si>
  <si>
    <t>えがおDe薬局　日本橋店</t>
    <rPh sb="5" eb="7">
      <t>ヤッキョク</t>
    </rPh>
    <rPh sb="8" eb="11">
      <t>ニホンバシ</t>
    </rPh>
    <rPh sb="11" eb="12">
      <t>ミセ</t>
    </rPh>
    <phoneticPr fontId="3"/>
  </si>
  <si>
    <t>中央区日本橋一丁目１６－１９　
シャトーアルーフ　１階</t>
    <rPh sb="0" eb="3">
      <t>チュウオウク</t>
    </rPh>
    <rPh sb="3" eb="6">
      <t>ニッポンバシ</t>
    </rPh>
    <rPh sb="6" eb="9">
      <t>イッチョウメ</t>
    </rPh>
    <rPh sb="26" eb="27">
      <t>カイ</t>
    </rPh>
    <phoneticPr fontId="3"/>
  </si>
  <si>
    <t>オレンジ薬局　北浜店</t>
    <rPh sb="4" eb="6">
      <t>ヤッキョク</t>
    </rPh>
    <rPh sb="7" eb="9">
      <t>キタハマ</t>
    </rPh>
    <rPh sb="9" eb="10">
      <t>ミセ</t>
    </rPh>
    <phoneticPr fontId="3"/>
  </si>
  <si>
    <t>中央区今橋一丁目７－１９　
北浜ビルディング　１階</t>
    <rPh sb="0" eb="3">
      <t>チュウオウク</t>
    </rPh>
    <rPh sb="3" eb="5">
      <t>イマハシ</t>
    </rPh>
    <rPh sb="5" eb="8">
      <t>イッチョウメ</t>
    </rPh>
    <rPh sb="14" eb="16">
      <t>キタハマ</t>
    </rPh>
    <rPh sb="24" eb="25">
      <t>カイ</t>
    </rPh>
    <phoneticPr fontId="3"/>
  </si>
  <si>
    <t>オレンジ薬局　からほり店</t>
    <rPh sb="4" eb="6">
      <t>ヤッキョク</t>
    </rPh>
    <rPh sb="11" eb="12">
      <t>ミセ</t>
    </rPh>
    <phoneticPr fontId="3"/>
  </si>
  <si>
    <t>中央区谷町七丁目２－３２　
1階</t>
    <rPh sb="0" eb="3">
      <t>チュウオウク</t>
    </rPh>
    <rPh sb="3" eb="5">
      <t>タニマチ</t>
    </rPh>
    <rPh sb="5" eb="8">
      <t>ナナチョウメ</t>
    </rPh>
    <rPh sb="15" eb="16">
      <t>カイ</t>
    </rPh>
    <phoneticPr fontId="3"/>
  </si>
  <si>
    <t>みかん薬局　玉造店</t>
    <rPh sb="3" eb="5">
      <t>ヤッキョク</t>
    </rPh>
    <rPh sb="6" eb="9">
      <t>タマツクリミセ</t>
    </rPh>
    <phoneticPr fontId="3"/>
  </si>
  <si>
    <t>中央区玉造一丁目１１－４</t>
    <rPh sb="0" eb="3">
      <t>チュウオウク</t>
    </rPh>
    <rPh sb="3" eb="5">
      <t>タマツクリ</t>
    </rPh>
    <rPh sb="5" eb="8">
      <t>イッチョウメ</t>
    </rPh>
    <phoneticPr fontId="3"/>
  </si>
  <si>
    <t>9402851</t>
  </si>
  <si>
    <t>ワカノウラ薬局　東心斎橋店</t>
    <rPh sb="5" eb="7">
      <t>ヤッキョク</t>
    </rPh>
    <rPh sb="8" eb="9">
      <t>ヒガシ</t>
    </rPh>
    <rPh sb="9" eb="12">
      <t>シンサイバシ</t>
    </rPh>
    <rPh sb="12" eb="13">
      <t>ミセ</t>
    </rPh>
    <phoneticPr fontId="3"/>
  </si>
  <si>
    <t>中央区東心斎橋一丁目１６－９</t>
    <rPh sb="0" eb="3">
      <t>チュウオウク</t>
    </rPh>
    <rPh sb="3" eb="4">
      <t>ヒガシ</t>
    </rPh>
    <rPh sb="4" eb="7">
      <t>シンサイバシ</t>
    </rPh>
    <rPh sb="7" eb="10">
      <t>イッチョウメ</t>
    </rPh>
    <phoneticPr fontId="3"/>
  </si>
  <si>
    <t>9402869</t>
  </si>
  <si>
    <t>阪神調剤薬局　大阪がんセンター店</t>
    <rPh sb="0" eb="6">
      <t>ハンシンチョウザイヤッキョク</t>
    </rPh>
    <rPh sb="7" eb="9">
      <t>オオサカ</t>
    </rPh>
    <rPh sb="15" eb="16">
      <t>ミセ</t>
    </rPh>
    <phoneticPr fontId="3"/>
  </si>
  <si>
    <t>中央区大手前三丁目１－４３
大阪府新別館南館　地下1階</t>
    <rPh sb="0" eb="3">
      <t>チュウオウク</t>
    </rPh>
    <rPh sb="3" eb="6">
      <t>オオテマエ</t>
    </rPh>
    <rPh sb="6" eb="9">
      <t>サンチョウメ</t>
    </rPh>
    <rPh sb="14" eb="17">
      <t>オオサカフ</t>
    </rPh>
    <rPh sb="17" eb="18">
      <t>シン</t>
    </rPh>
    <rPh sb="18" eb="20">
      <t>ベッカン</t>
    </rPh>
    <rPh sb="20" eb="21">
      <t>ミナミ</t>
    </rPh>
    <rPh sb="21" eb="22">
      <t>カン</t>
    </rPh>
    <rPh sb="23" eb="25">
      <t>チカ</t>
    </rPh>
    <rPh sb="26" eb="27">
      <t>カイ</t>
    </rPh>
    <phoneticPr fontId="3"/>
  </si>
  <si>
    <t>中央区</t>
  </si>
  <si>
    <t>9402877</t>
  </si>
  <si>
    <t>アリス薬局</t>
    <rPh sb="3" eb="5">
      <t>ヤッキョク</t>
    </rPh>
    <phoneticPr fontId="3"/>
  </si>
  <si>
    <t>中央区北久宝寺町二丁目４－１４　
ＳＥＲＥＮＩＴＥ堺筋本町ＳＵＤ　１階</t>
    <rPh sb="0" eb="3">
      <t>チュウオウク</t>
    </rPh>
    <rPh sb="3" eb="7">
      <t>キタキュウホウジ</t>
    </rPh>
    <rPh sb="7" eb="8">
      <t>マチ</t>
    </rPh>
    <rPh sb="8" eb="11">
      <t>ニチョウメ</t>
    </rPh>
    <rPh sb="25" eb="29">
      <t>サカイスジホンマチ</t>
    </rPh>
    <rPh sb="34" eb="35">
      <t>カイ</t>
    </rPh>
    <phoneticPr fontId="3"/>
  </si>
  <si>
    <t>9402893</t>
  </si>
  <si>
    <t>カメイ調剤薬局　心斎橋店</t>
    <rPh sb="3" eb="5">
      <t>チョウザイ</t>
    </rPh>
    <rPh sb="5" eb="7">
      <t>ヤッキョク</t>
    </rPh>
    <rPh sb="8" eb="11">
      <t>シンサイバシ</t>
    </rPh>
    <rPh sb="11" eb="12">
      <t>テン</t>
    </rPh>
    <phoneticPr fontId="3"/>
  </si>
  <si>
    <t>中央区南船場三丁目５－１１
りそな心斎橋ビル　４階</t>
    <rPh sb="0" eb="3">
      <t>チュウオウク</t>
    </rPh>
    <rPh sb="3" eb="6">
      <t>ミナミセンバ</t>
    </rPh>
    <rPh sb="6" eb="9">
      <t>サンチョウメ</t>
    </rPh>
    <rPh sb="17" eb="20">
      <t>シンサイバシ</t>
    </rPh>
    <rPh sb="24" eb="25">
      <t>カイ</t>
    </rPh>
    <phoneticPr fontId="3"/>
  </si>
  <si>
    <t>9402919</t>
  </si>
  <si>
    <t>アイン薬局　谷町四丁目駅店</t>
    <rPh sb="3" eb="5">
      <t>ヤッキョク</t>
    </rPh>
    <rPh sb="6" eb="12">
      <t>タニマチヨンチョウメエキ</t>
    </rPh>
    <rPh sb="12" eb="13">
      <t>ミセ</t>
    </rPh>
    <phoneticPr fontId="3"/>
  </si>
  <si>
    <t>中央区谷町四丁目４－２１</t>
    <rPh sb="0" eb="3">
      <t>チュウオウク</t>
    </rPh>
    <rPh sb="3" eb="4">
      <t>タニ</t>
    </rPh>
    <rPh sb="4" eb="5">
      <t>マチ</t>
    </rPh>
    <phoneticPr fontId="3"/>
  </si>
  <si>
    <t>9402927</t>
  </si>
  <si>
    <t>薬のヒグチ薬局　谷町二丁目店</t>
    <rPh sb="0" eb="1">
      <t>クスリ</t>
    </rPh>
    <rPh sb="5" eb="7">
      <t>ヤッキョク</t>
    </rPh>
    <rPh sb="8" eb="9">
      <t>タニ</t>
    </rPh>
    <rPh sb="9" eb="10">
      <t>マチ</t>
    </rPh>
    <rPh sb="10" eb="13">
      <t>ニチョウメ</t>
    </rPh>
    <rPh sb="13" eb="14">
      <t>テン</t>
    </rPh>
    <phoneticPr fontId="3"/>
  </si>
  <si>
    <t>9402943</t>
  </si>
  <si>
    <t>ぷらっと薬局</t>
    <rPh sb="4" eb="6">
      <t>ヤッキョク</t>
    </rPh>
    <phoneticPr fontId="3"/>
  </si>
  <si>
    <t>中央区松屋町９－１　
セントラルフォーラム松屋町ビル　１階</t>
    <rPh sb="0" eb="3">
      <t>チュウオウク</t>
    </rPh>
    <rPh sb="3" eb="6">
      <t>マツヤマチ</t>
    </rPh>
    <rPh sb="21" eb="24">
      <t>マツヤマチ</t>
    </rPh>
    <rPh sb="28" eb="29">
      <t>カイ</t>
    </rPh>
    <phoneticPr fontId="3"/>
  </si>
  <si>
    <t>9402950</t>
  </si>
  <si>
    <t>もも薬局</t>
    <rPh sb="2" eb="4">
      <t>ヤッキョク</t>
    </rPh>
    <phoneticPr fontId="3"/>
  </si>
  <si>
    <t>中央区玉造一丁目８－１０　
にじ玉造ビル　１階</t>
    <rPh sb="0" eb="2">
      <t>チュウオウ</t>
    </rPh>
    <rPh sb="2" eb="3">
      <t>ク</t>
    </rPh>
    <rPh sb="3" eb="5">
      <t>タマツクリ</t>
    </rPh>
    <rPh sb="5" eb="8">
      <t>イッチョウメ</t>
    </rPh>
    <rPh sb="16" eb="18">
      <t>タマツクリ</t>
    </rPh>
    <rPh sb="22" eb="23">
      <t>カイ</t>
    </rPh>
    <phoneticPr fontId="3"/>
  </si>
  <si>
    <t>9402968</t>
  </si>
  <si>
    <t>三愛漢方薬局</t>
    <rPh sb="0" eb="1">
      <t>サン</t>
    </rPh>
    <rPh sb="1" eb="2">
      <t>アイ</t>
    </rPh>
    <rPh sb="2" eb="4">
      <t>カンポウ</t>
    </rPh>
    <rPh sb="4" eb="6">
      <t>ヤッキョク</t>
    </rPh>
    <phoneticPr fontId="3"/>
  </si>
  <si>
    <t>中央区上町Ｃ－８</t>
    <rPh sb="0" eb="3">
      <t>チュウオウク</t>
    </rPh>
    <rPh sb="3" eb="5">
      <t>ウエマチ</t>
    </rPh>
    <phoneticPr fontId="3"/>
  </si>
  <si>
    <t>9402976</t>
  </si>
  <si>
    <t>ファルコ薬局　大阪中央店</t>
    <rPh sb="4" eb="6">
      <t>ヤッキョク</t>
    </rPh>
    <rPh sb="7" eb="9">
      <t>オオサカ</t>
    </rPh>
    <rPh sb="9" eb="12">
      <t>チュウオウミセ</t>
    </rPh>
    <phoneticPr fontId="3"/>
  </si>
  <si>
    <t>540-0021</t>
  </si>
  <si>
    <t>中央区大手通二丁目２－２　
ＦＡＬＣＯ大阪事業所　８階</t>
    <rPh sb="0" eb="3">
      <t>チュウオウク</t>
    </rPh>
    <rPh sb="3" eb="6">
      <t>オオテドオリ</t>
    </rPh>
    <rPh sb="6" eb="9">
      <t>ニチョウメ</t>
    </rPh>
    <rPh sb="19" eb="21">
      <t>オオサカ</t>
    </rPh>
    <rPh sb="21" eb="24">
      <t>ジギョウショ</t>
    </rPh>
    <rPh sb="26" eb="27">
      <t>カイ</t>
    </rPh>
    <phoneticPr fontId="3"/>
  </si>
  <si>
    <t>9402984</t>
  </si>
  <si>
    <t>内久宝寺町薬局</t>
    <rPh sb="0" eb="1">
      <t>ウチ</t>
    </rPh>
    <rPh sb="1" eb="4">
      <t>キュウホウジ</t>
    </rPh>
    <rPh sb="4" eb="5">
      <t>チョウ</t>
    </rPh>
    <rPh sb="5" eb="7">
      <t>ヤッキョク</t>
    </rPh>
    <phoneticPr fontId="3"/>
  </si>
  <si>
    <t>中央区内久宝寺町三丁目２－５</t>
    <rPh sb="0" eb="3">
      <t>チュウオウク</t>
    </rPh>
    <rPh sb="3" eb="8">
      <t>ウチキュウホウジマチ</t>
    </rPh>
    <rPh sb="8" eb="11">
      <t>サンチョウメ</t>
    </rPh>
    <phoneticPr fontId="3"/>
  </si>
  <si>
    <t>9402992</t>
  </si>
  <si>
    <t>法円坂薬局</t>
    <rPh sb="0" eb="3">
      <t>ホウエンザカ</t>
    </rPh>
    <rPh sb="3" eb="5">
      <t>ヤッキョク</t>
    </rPh>
    <phoneticPr fontId="3"/>
  </si>
  <si>
    <t>中央区谷町四丁目３－２　
コオノビル　１階</t>
    <rPh sb="0" eb="3">
      <t>チュウオウク</t>
    </rPh>
    <rPh sb="3" eb="4">
      <t>タニ</t>
    </rPh>
    <rPh sb="4" eb="5">
      <t>マチ</t>
    </rPh>
    <rPh sb="5" eb="8">
      <t>ヨンチョウメ</t>
    </rPh>
    <rPh sb="20" eb="21">
      <t>カイ</t>
    </rPh>
    <phoneticPr fontId="3"/>
  </si>
  <si>
    <t>9403008</t>
  </si>
  <si>
    <t>谷町センター薬局</t>
    <rPh sb="0" eb="1">
      <t>タニ</t>
    </rPh>
    <rPh sb="1" eb="2">
      <t>マチ</t>
    </rPh>
    <rPh sb="6" eb="8">
      <t>ヤッキョク</t>
    </rPh>
    <phoneticPr fontId="3"/>
  </si>
  <si>
    <t>中央区谷町四丁目６－２　
谷町ビル　２階</t>
    <rPh sb="0" eb="3">
      <t>チュウオウク</t>
    </rPh>
    <rPh sb="3" eb="4">
      <t>タニ</t>
    </rPh>
    <rPh sb="4" eb="5">
      <t>マチ</t>
    </rPh>
    <rPh sb="5" eb="8">
      <t>ヨンチョウメ</t>
    </rPh>
    <rPh sb="13" eb="14">
      <t>タニ</t>
    </rPh>
    <rPh sb="14" eb="15">
      <t>マチ</t>
    </rPh>
    <rPh sb="19" eb="20">
      <t>カイ</t>
    </rPh>
    <phoneticPr fontId="3"/>
  </si>
  <si>
    <t>西区</t>
    <rPh sb="0" eb="2">
      <t>ニシク</t>
    </rPh>
    <phoneticPr fontId="3"/>
  </si>
  <si>
    <t>大江薬局</t>
    <rPh sb="0" eb="2">
      <t>オオエ</t>
    </rPh>
    <rPh sb="2" eb="4">
      <t>ヤッキョク</t>
    </rPh>
    <phoneticPr fontId="3"/>
  </si>
  <si>
    <t>西区九条二丁目７－１８</t>
    <rPh sb="0" eb="2">
      <t>ニシク</t>
    </rPh>
    <rPh sb="2" eb="4">
      <t>クジョウ</t>
    </rPh>
    <rPh sb="4" eb="7">
      <t>ニチョウメ</t>
    </rPh>
    <phoneticPr fontId="3"/>
  </si>
  <si>
    <t>北村神鳴堂薬局</t>
    <rPh sb="0" eb="2">
      <t>キタムラ</t>
    </rPh>
    <rPh sb="2" eb="3">
      <t>カミ</t>
    </rPh>
    <rPh sb="3" eb="4">
      <t>ナ</t>
    </rPh>
    <rPh sb="4" eb="5">
      <t>ドウ</t>
    </rPh>
    <rPh sb="5" eb="7">
      <t>ヤッキョク</t>
    </rPh>
    <phoneticPr fontId="3"/>
  </si>
  <si>
    <t>西区北堀江四丁目２－４０－１２３</t>
    <rPh sb="0" eb="2">
      <t>ニシク</t>
    </rPh>
    <rPh sb="2" eb="5">
      <t>キタホリエ</t>
    </rPh>
    <rPh sb="5" eb="8">
      <t>ヨンチョウメ</t>
    </rPh>
    <phoneticPr fontId="3"/>
  </si>
  <si>
    <t>パーク薬局</t>
    <rPh sb="3" eb="5">
      <t>ヤッキョク</t>
    </rPh>
    <phoneticPr fontId="3"/>
  </si>
  <si>
    <t>西区京町堀一丁目９－１０　
帽子会館　１階</t>
    <rPh sb="0" eb="2">
      <t>ニシク</t>
    </rPh>
    <rPh sb="2" eb="5">
      <t>キョウマチボリ</t>
    </rPh>
    <rPh sb="5" eb="8">
      <t>イッチョウメ</t>
    </rPh>
    <rPh sb="14" eb="16">
      <t>ボウシ</t>
    </rPh>
    <rPh sb="16" eb="18">
      <t>カイカン</t>
    </rPh>
    <rPh sb="20" eb="21">
      <t>カイ</t>
    </rPh>
    <phoneticPr fontId="3"/>
  </si>
  <si>
    <t>白菊調剤薬局</t>
    <rPh sb="0" eb="1">
      <t>シラ</t>
    </rPh>
    <rPh sb="1" eb="2">
      <t>キク</t>
    </rPh>
    <rPh sb="2" eb="4">
      <t>チョウザイ</t>
    </rPh>
    <rPh sb="4" eb="6">
      <t>ヤッキョク</t>
    </rPh>
    <phoneticPr fontId="3"/>
  </si>
  <si>
    <t>西区南堀江一丁目１８－２０</t>
    <rPh sb="0" eb="2">
      <t>ニシク</t>
    </rPh>
    <rPh sb="2" eb="5">
      <t>ミナミホリエ</t>
    </rPh>
    <rPh sb="5" eb="8">
      <t>イッチョウメ</t>
    </rPh>
    <phoneticPr fontId="3"/>
  </si>
  <si>
    <t>堀江薬局</t>
    <rPh sb="0" eb="2">
      <t>ホリエ</t>
    </rPh>
    <rPh sb="2" eb="4">
      <t>ヤッキョク</t>
    </rPh>
    <phoneticPr fontId="3"/>
  </si>
  <si>
    <t>西区北堀江一丁目１１－１</t>
    <rPh sb="0" eb="2">
      <t>ニシク</t>
    </rPh>
    <rPh sb="2" eb="5">
      <t>キタホリエ</t>
    </rPh>
    <rPh sb="5" eb="8">
      <t>イッチョウメ</t>
    </rPh>
    <phoneticPr fontId="3"/>
  </si>
  <si>
    <t>松浦薬局</t>
    <rPh sb="0" eb="2">
      <t>マツウラ</t>
    </rPh>
    <rPh sb="2" eb="4">
      <t>ヤッキョク</t>
    </rPh>
    <phoneticPr fontId="3"/>
  </si>
  <si>
    <t>西区九条三丁目２０－１６</t>
    <rPh sb="0" eb="2">
      <t>ニシク</t>
    </rPh>
    <rPh sb="2" eb="4">
      <t>クジョウ</t>
    </rPh>
    <rPh sb="4" eb="7">
      <t>サンチョウメ</t>
    </rPh>
    <phoneticPr fontId="3"/>
  </si>
  <si>
    <t>西区境川一丁目１－４５</t>
    <rPh sb="4" eb="7">
      <t>イッチョウメ</t>
    </rPh>
    <phoneticPr fontId="3"/>
  </si>
  <si>
    <t>コトブキ薬局</t>
    <rPh sb="4" eb="6">
      <t>ヤッキョク</t>
    </rPh>
    <phoneticPr fontId="3"/>
  </si>
  <si>
    <t>西区境川一丁目１－３６</t>
    <rPh sb="0" eb="2">
      <t>ニシク</t>
    </rPh>
    <rPh sb="2" eb="4">
      <t>サカイガワ</t>
    </rPh>
    <rPh sb="4" eb="7">
      <t>イッチョウメ</t>
    </rPh>
    <phoneticPr fontId="3"/>
  </si>
  <si>
    <t>西区立売堀六丁目２－３　
平野ビル　１階・２階</t>
    <rPh sb="0" eb="2">
      <t>ニシク</t>
    </rPh>
    <rPh sb="2" eb="5">
      <t>イタチボリ</t>
    </rPh>
    <rPh sb="5" eb="8">
      <t>ロクチョウメ</t>
    </rPh>
    <rPh sb="13" eb="15">
      <t>ヒラノ</t>
    </rPh>
    <rPh sb="19" eb="20">
      <t>カイ</t>
    </rPh>
    <rPh sb="22" eb="23">
      <t>カイ</t>
    </rPh>
    <phoneticPr fontId="3"/>
  </si>
  <si>
    <t>西区西本町一丁目７－１</t>
    <rPh sb="0" eb="2">
      <t>ニシク</t>
    </rPh>
    <rPh sb="2" eb="5">
      <t>ニシホンマチ</t>
    </rPh>
    <rPh sb="5" eb="8">
      <t>イッチョウメ</t>
    </rPh>
    <phoneticPr fontId="3"/>
  </si>
  <si>
    <t>あけぼの薬局</t>
    <rPh sb="4" eb="6">
      <t>ヤッキョク</t>
    </rPh>
    <phoneticPr fontId="3"/>
  </si>
  <si>
    <t>西区南堀江四丁目１５－１６</t>
    <rPh sb="0" eb="2">
      <t>ニシク</t>
    </rPh>
    <rPh sb="2" eb="5">
      <t>ミナミホリエ</t>
    </rPh>
    <rPh sb="5" eb="8">
      <t>ヨンチョウメ</t>
    </rPh>
    <phoneticPr fontId="3"/>
  </si>
  <si>
    <t>パル薬局</t>
    <rPh sb="2" eb="4">
      <t>ヤッキョク</t>
    </rPh>
    <phoneticPr fontId="3"/>
  </si>
  <si>
    <t>西区江戸堀一丁目２４－２　
シーダーズマンション　１０２号</t>
    <rPh sb="0" eb="2">
      <t>ニシク</t>
    </rPh>
    <rPh sb="2" eb="5">
      <t>エドボリ</t>
    </rPh>
    <rPh sb="5" eb="8">
      <t>イッチョウメ</t>
    </rPh>
    <rPh sb="28" eb="29">
      <t>ゴウ</t>
    </rPh>
    <phoneticPr fontId="3"/>
  </si>
  <si>
    <t>西区九条一丁目２８－１４　
セントラルハイツ　１階</t>
    <rPh sb="0" eb="2">
      <t>ニシク</t>
    </rPh>
    <rPh sb="2" eb="4">
      <t>クジョウ</t>
    </rPh>
    <rPh sb="4" eb="7">
      <t>イッチョウメ</t>
    </rPh>
    <rPh sb="24" eb="25">
      <t>カイ</t>
    </rPh>
    <phoneticPr fontId="3"/>
  </si>
  <si>
    <t>こころ薬局</t>
    <rPh sb="3" eb="5">
      <t>ヤッキョク</t>
    </rPh>
    <phoneticPr fontId="3"/>
  </si>
  <si>
    <t>西区本田二丁目３－１　
森井ビル　１階</t>
    <rPh sb="0" eb="2">
      <t>ニシク</t>
    </rPh>
    <rPh sb="2" eb="4">
      <t>ホンダ</t>
    </rPh>
    <rPh sb="4" eb="7">
      <t>ニチョウメ</t>
    </rPh>
    <rPh sb="12" eb="14">
      <t>モリイ</t>
    </rPh>
    <rPh sb="18" eb="19">
      <t>カイ</t>
    </rPh>
    <phoneticPr fontId="3"/>
  </si>
  <si>
    <t>アスカ薬局</t>
    <rPh sb="3" eb="5">
      <t>ヤッキョク</t>
    </rPh>
    <phoneticPr fontId="3"/>
  </si>
  <si>
    <t>西区九条一丁目１２－１４</t>
    <rPh sb="0" eb="2">
      <t>ニシク</t>
    </rPh>
    <rPh sb="2" eb="4">
      <t>クジョウ</t>
    </rPh>
    <rPh sb="4" eb="7">
      <t>イッチョウメ</t>
    </rPh>
    <phoneticPr fontId="3"/>
  </si>
  <si>
    <t>ゆうあい薬局</t>
    <rPh sb="4" eb="6">
      <t>ヤッキョク</t>
    </rPh>
    <phoneticPr fontId="3"/>
  </si>
  <si>
    <t>西区九条一丁目１４－３　
新道ハイツ　１階１０１号</t>
    <rPh sb="0" eb="2">
      <t>ニシク</t>
    </rPh>
    <rPh sb="2" eb="4">
      <t>クジョウ</t>
    </rPh>
    <rPh sb="4" eb="7">
      <t>イッチョウメ</t>
    </rPh>
    <rPh sb="13" eb="15">
      <t>シンミチ</t>
    </rPh>
    <rPh sb="20" eb="21">
      <t>カイ</t>
    </rPh>
    <rPh sb="24" eb="25">
      <t>ゴウ</t>
    </rPh>
    <phoneticPr fontId="3"/>
  </si>
  <si>
    <t>江戸堀薬局</t>
    <rPh sb="0" eb="3">
      <t>エドボリ</t>
    </rPh>
    <rPh sb="3" eb="5">
      <t>ヤッキョク</t>
    </rPh>
    <phoneticPr fontId="3"/>
  </si>
  <si>
    <t>西区江戸堀一丁目８－２２　
フォーラムスクエアビル　1階</t>
    <rPh sb="0" eb="2">
      <t>ニシク</t>
    </rPh>
    <rPh sb="2" eb="5">
      <t>エドボリ</t>
    </rPh>
    <rPh sb="5" eb="8">
      <t>イッチョウメ</t>
    </rPh>
    <rPh sb="27" eb="28">
      <t>カイ</t>
    </rPh>
    <phoneticPr fontId="3"/>
  </si>
  <si>
    <t>西区九条二丁目２３－１２</t>
    <rPh sb="4" eb="7">
      <t>ニチョウメ</t>
    </rPh>
    <phoneticPr fontId="12"/>
  </si>
  <si>
    <t>新町薬局</t>
    <rPh sb="0" eb="2">
      <t>シンマチ</t>
    </rPh>
    <rPh sb="2" eb="4">
      <t>ヤッキョク</t>
    </rPh>
    <phoneticPr fontId="3"/>
  </si>
  <si>
    <t>西区新町一丁目２５－１４</t>
    <rPh sb="0" eb="2">
      <t>ニシク</t>
    </rPh>
    <rPh sb="2" eb="4">
      <t>シンマチ</t>
    </rPh>
    <rPh sb="4" eb="7">
      <t>イッチョウメ</t>
    </rPh>
    <phoneticPr fontId="3"/>
  </si>
  <si>
    <t>フタツカ薬局　阿波座</t>
    <rPh sb="4" eb="6">
      <t>ヤッキョク</t>
    </rPh>
    <rPh sb="7" eb="10">
      <t>アワザ</t>
    </rPh>
    <phoneticPr fontId="3"/>
  </si>
  <si>
    <t>西区西本町三丁目１－１　
岡崎橋セントラルビル　１階</t>
    <rPh sb="0" eb="2">
      <t>ニシク</t>
    </rPh>
    <rPh sb="2" eb="5">
      <t>ニシホンマチ</t>
    </rPh>
    <rPh sb="5" eb="8">
      <t>サンチョウメ</t>
    </rPh>
    <rPh sb="13" eb="15">
      <t>オカザキ</t>
    </rPh>
    <rPh sb="15" eb="16">
      <t>バシ</t>
    </rPh>
    <rPh sb="25" eb="26">
      <t>カイ</t>
    </rPh>
    <phoneticPr fontId="3"/>
  </si>
  <si>
    <t>スギ薬局　九条店</t>
    <rPh sb="2" eb="4">
      <t>ヤッキョク</t>
    </rPh>
    <rPh sb="5" eb="7">
      <t>クジョウ</t>
    </rPh>
    <rPh sb="7" eb="8">
      <t>テン</t>
    </rPh>
    <phoneticPr fontId="3"/>
  </si>
  <si>
    <t>西区九条二丁目７－１５</t>
    <rPh sb="0" eb="2">
      <t>ニシク</t>
    </rPh>
    <rPh sb="2" eb="4">
      <t>クジョウ</t>
    </rPh>
    <rPh sb="4" eb="5">
      <t>ニ</t>
    </rPh>
    <rPh sb="5" eb="7">
      <t>チョウメ</t>
    </rPh>
    <phoneticPr fontId="3"/>
  </si>
  <si>
    <t>あみだ池漢方薬局</t>
    <rPh sb="3" eb="4">
      <t>イケ</t>
    </rPh>
    <rPh sb="4" eb="6">
      <t>カンポウ</t>
    </rPh>
    <rPh sb="6" eb="8">
      <t>ヤッキョク</t>
    </rPh>
    <phoneticPr fontId="3"/>
  </si>
  <si>
    <t>西区北堀江二丁目１５－１０　
クラフトビル　１階</t>
    <rPh sb="0" eb="2">
      <t>ニシク</t>
    </rPh>
    <rPh sb="2" eb="5">
      <t>キタホリエ</t>
    </rPh>
    <rPh sb="5" eb="6">
      <t>ニ</t>
    </rPh>
    <rPh sb="6" eb="8">
      <t>チョウメ</t>
    </rPh>
    <rPh sb="23" eb="24">
      <t>カイ</t>
    </rPh>
    <phoneticPr fontId="3"/>
  </si>
  <si>
    <t>西区西本町１丁目６－９　
川田ビル　１階</t>
    <rPh sb="19" eb="20">
      <t>カイ</t>
    </rPh>
    <phoneticPr fontId="3"/>
  </si>
  <si>
    <t>大阪阿波座さくら薬局</t>
    <rPh sb="0" eb="2">
      <t>オオサカ</t>
    </rPh>
    <rPh sb="2" eb="5">
      <t>アワザ</t>
    </rPh>
    <rPh sb="8" eb="10">
      <t>ヤッキョク</t>
    </rPh>
    <phoneticPr fontId="3"/>
  </si>
  <si>
    <t>西区立売堀五丁目６－２２　
大西ハウスサツマボリ　１階</t>
    <rPh sb="0" eb="2">
      <t>ニシク</t>
    </rPh>
    <rPh sb="2" eb="5">
      <t>イタチボリ</t>
    </rPh>
    <rPh sb="5" eb="8">
      <t>ゴチョウメ</t>
    </rPh>
    <rPh sb="14" eb="16">
      <t>オオニシ</t>
    </rPh>
    <rPh sb="26" eb="27">
      <t>カイ</t>
    </rPh>
    <phoneticPr fontId="3"/>
  </si>
  <si>
    <t>サニー薬局　四ツ橋</t>
    <rPh sb="3" eb="5">
      <t>ヤッキョク</t>
    </rPh>
    <rPh sb="6" eb="7">
      <t>ヨ</t>
    </rPh>
    <rPh sb="8" eb="9">
      <t>バシ</t>
    </rPh>
    <phoneticPr fontId="3"/>
  </si>
  <si>
    <t>西区新町一丁目２５－１５</t>
    <rPh sb="0" eb="2">
      <t>ニシク</t>
    </rPh>
    <rPh sb="2" eb="4">
      <t>シンマチ</t>
    </rPh>
    <rPh sb="4" eb="7">
      <t>1チョウメ</t>
    </rPh>
    <phoneticPr fontId="3"/>
  </si>
  <si>
    <t>日本調剤阿波座アイケイ薬局</t>
    <rPh sb="0" eb="2">
      <t>ニホン</t>
    </rPh>
    <rPh sb="2" eb="4">
      <t>チョウザイ</t>
    </rPh>
    <rPh sb="4" eb="7">
      <t>アワザ</t>
    </rPh>
    <rPh sb="11" eb="13">
      <t>ヤッキョク</t>
    </rPh>
    <phoneticPr fontId="3"/>
  </si>
  <si>
    <t>西区立売堀五丁目６－２８</t>
    <rPh sb="0" eb="2">
      <t>ニシク</t>
    </rPh>
    <rPh sb="2" eb="5">
      <t>イタチボリ</t>
    </rPh>
    <rPh sb="5" eb="8">
      <t>5チョウメ</t>
    </rPh>
    <phoneticPr fontId="3"/>
  </si>
  <si>
    <t>コトブキ薬局　ドーム前店</t>
    <rPh sb="4" eb="6">
      <t>ヤッキョク</t>
    </rPh>
    <rPh sb="10" eb="11">
      <t>マエ</t>
    </rPh>
    <rPh sb="11" eb="12">
      <t>テン</t>
    </rPh>
    <phoneticPr fontId="3"/>
  </si>
  <si>
    <t>西区境川一丁目１－１５　
１階</t>
    <rPh sb="0" eb="2">
      <t>ニシク</t>
    </rPh>
    <rPh sb="2" eb="4">
      <t>サカイガワ</t>
    </rPh>
    <rPh sb="4" eb="7">
      <t>イッチョウメ</t>
    </rPh>
    <rPh sb="14" eb="15">
      <t>カイ</t>
    </rPh>
    <phoneticPr fontId="3"/>
  </si>
  <si>
    <t>オレンジ薬局　ドーム店</t>
    <rPh sb="4" eb="6">
      <t>ヤッキョク</t>
    </rPh>
    <rPh sb="10" eb="11">
      <t>テン</t>
    </rPh>
    <phoneticPr fontId="3"/>
  </si>
  <si>
    <t>西区九条南一丁目１２－２０　
フォレオ大阪ドームシティ１階</t>
    <rPh sb="0" eb="2">
      <t>ニシク</t>
    </rPh>
    <rPh sb="2" eb="4">
      <t>クジョウ</t>
    </rPh>
    <rPh sb="4" eb="5">
      <t>ミナミ</t>
    </rPh>
    <rPh sb="5" eb="8">
      <t>イッチョウメ</t>
    </rPh>
    <rPh sb="19" eb="21">
      <t>オオサカ</t>
    </rPh>
    <rPh sb="28" eb="29">
      <t>カイ</t>
    </rPh>
    <phoneticPr fontId="3"/>
  </si>
  <si>
    <t>サニー薬局　本田</t>
    <rPh sb="3" eb="5">
      <t>ヤッキョク</t>
    </rPh>
    <rPh sb="6" eb="8">
      <t>ホンダ</t>
    </rPh>
    <phoneticPr fontId="3"/>
  </si>
  <si>
    <t>西区本田二丁目１－１７</t>
    <rPh sb="0" eb="2">
      <t>ニシク</t>
    </rPh>
    <rPh sb="2" eb="4">
      <t>ホンダ</t>
    </rPh>
    <rPh sb="4" eb="7">
      <t>ニチョウメ</t>
    </rPh>
    <phoneticPr fontId="3"/>
  </si>
  <si>
    <t>サエラ薬局　境川店</t>
    <rPh sb="3" eb="5">
      <t>ヤッキョク</t>
    </rPh>
    <rPh sb="6" eb="8">
      <t>サカイガワ</t>
    </rPh>
    <rPh sb="8" eb="9">
      <t>テン</t>
    </rPh>
    <phoneticPr fontId="3"/>
  </si>
  <si>
    <t>西区境川一丁目１－３１－１０１</t>
    <rPh sb="0" eb="2">
      <t>ニシク</t>
    </rPh>
    <rPh sb="2" eb="4">
      <t>サカイガワ</t>
    </rPh>
    <rPh sb="4" eb="7">
      <t>イッチョウメ</t>
    </rPh>
    <phoneticPr fontId="3"/>
  </si>
  <si>
    <t>そうごう薬局　九条店</t>
    <rPh sb="4" eb="6">
      <t>ヤッキョク</t>
    </rPh>
    <rPh sb="7" eb="9">
      <t>クジョウ</t>
    </rPh>
    <rPh sb="9" eb="10">
      <t>テン</t>
    </rPh>
    <phoneticPr fontId="3"/>
  </si>
  <si>
    <t>西区九条一丁目１４－２５　
１階</t>
    <rPh sb="0" eb="2">
      <t>ニシク</t>
    </rPh>
    <rPh sb="2" eb="4">
      <t>クジョウ</t>
    </rPh>
    <rPh sb="4" eb="7">
      <t>イッチョウメ</t>
    </rPh>
    <rPh sb="15" eb="16">
      <t>カイ</t>
    </rPh>
    <phoneticPr fontId="3"/>
  </si>
  <si>
    <t>イオン薬局　大阪ドームシティ店</t>
    <rPh sb="3" eb="5">
      <t>ヤッキョク</t>
    </rPh>
    <rPh sb="6" eb="8">
      <t>オオサカ</t>
    </rPh>
    <rPh sb="14" eb="15">
      <t>テン</t>
    </rPh>
    <phoneticPr fontId="3"/>
  </si>
  <si>
    <t>西区千代崎三丁目１３－１　
イオン大阪ドームシティ店　２階</t>
    <rPh sb="0" eb="2">
      <t>ニシク</t>
    </rPh>
    <rPh sb="2" eb="5">
      <t>チヨザキ</t>
    </rPh>
    <rPh sb="5" eb="8">
      <t>サンチョウメ</t>
    </rPh>
    <rPh sb="17" eb="19">
      <t>オオサカ</t>
    </rPh>
    <rPh sb="25" eb="26">
      <t>テン</t>
    </rPh>
    <rPh sb="28" eb="29">
      <t>カイ</t>
    </rPh>
    <phoneticPr fontId="3"/>
  </si>
  <si>
    <t>ソーク薬局</t>
    <rPh sb="3" eb="5">
      <t>ヤッキョク</t>
    </rPh>
    <phoneticPr fontId="3"/>
  </si>
  <si>
    <t>西区南堀江一丁目２１－１４　
M.ｈｉｌｌｓ南堀江ｓｏｕｔｈ １階</t>
    <rPh sb="0" eb="2">
      <t>ニシク</t>
    </rPh>
    <rPh sb="2" eb="5">
      <t>ミナミホリエ</t>
    </rPh>
    <rPh sb="5" eb="8">
      <t>１チョウメ</t>
    </rPh>
    <rPh sb="22" eb="25">
      <t>ミナミホリエ</t>
    </rPh>
    <rPh sb="32" eb="33">
      <t>カイ</t>
    </rPh>
    <phoneticPr fontId="3"/>
  </si>
  <si>
    <t>白菊調剤薬局</t>
    <rPh sb="0" eb="2">
      <t>シラギク</t>
    </rPh>
    <rPh sb="2" eb="4">
      <t>チョウザイ</t>
    </rPh>
    <rPh sb="4" eb="6">
      <t>ヤッキョク</t>
    </rPh>
    <phoneticPr fontId="3"/>
  </si>
  <si>
    <t>西区南堀江一丁目２７－９　
紀和ビル　１階</t>
    <rPh sb="0" eb="2">
      <t>ニシク</t>
    </rPh>
    <rPh sb="2" eb="5">
      <t>ミナミホリエ</t>
    </rPh>
    <rPh sb="5" eb="8">
      <t>１チョウメ</t>
    </rPh>
    <rPh sb="14" eb="16">
      <t>キワ</t>
    </rPh>
    <rPh sb="20" eb="21">
      <t>カイ</t>
    </rPh>
    <phoneticPr fontId="3"/>
  </si>
  <si>
    <t>オレンジ薬局　キララ店</t>
    <rPh sb="4" eb="6">
      <t>ヤッキョク</t>
    </rPh>
    <rPh sb="10" eb="11">
      <t>テン</t>
    </rPh>
    <phoneticPr fontId="3"/>
  </si>
  <si>
    <t>西区九条三丁目２５－９　
西部事務用品ビル １階</t>
    <rPh sb="0" eb="2">
      <t>ニシク</t>
    </rPh>
    <rPh sb="2" eb="4">
      <t>クジョウ</t>
    </rPh>
    <rPh sb="4" eb="7">
      <t>３チョウメ</t>
    </rPh>
    <rPh sb="13" eb="15">
      <t>セイブ</t>
    </rPh>
    <rPh sb="15" eb="17">
      <t>ジム</t>
    </rPh>
    <rPh sb="17" eb="19">
      <t>ヨウヒン</t>
    </rPh>
    <rPh sb="23" eb="24">
      <t>カイ</t>
    </rPh>
    <phoneticPr fontId="3"/>
  </si>
  <si>
    <t>スギ薬局　四ツ橋店</t>
    <rPh sb="2" eb="4">
      <t>ヤッキョク</t>
    </rPh>
    <rPh sb="5" eb="6">
      <t>ヨ</t>
    </rPh>
    <rPh sb="7" eb="8">
      <t>バシ</t>
    </rPh>
    <rPh sb="8" eb="9">
      <t>テン</t>
    </rPh>
    <phoneticPr fontId="3"/>
  </si>
  <si>
    <t>西区新町一丁目４－２４　
大阪四ツ橋新町ビル　１階</t>
    <rPh sb="0" eb="2">
      <t>ニシク</t>
    </rPh>
    <rPh sb="2" eb="3">
      <t>シン</t>
    </rPh>
    <rPh sb="3" eb="4">
      <t>マチ</t>
    </rPh>
    <rPh sb="4" eb="7">
      <t>１チョウメ</t>
    </rPh>
    <rPh sb="13" eb="15">
      <t>オオサカ</t>
    </rPh>
    <rPh sb="15" eb="16">
      <t>ヨ</t>
    </rPh>
    <rPh sb="17" eb="18">
      <t>バシ</t>
    </rPh>
    <rPh sb="18" eb="19">
      <t>シン</t>
    </rPh>
    <rPh sb="19" eb="20">
      <t>マチ</t>
    </rPh>
    <rPh sb="24" eb="25">
      <t>カイ</t>
    </rPh>
    <phoneticPr fontId="3"/>
  </si>
  <si>
    <t>ふれあい薬局　新町店</t>
    <rPh sb="4" eb="6">
      <t>ヤッキョク</t>
    </rPh>
    <rPh sb="7" eb="9">
      <t>シンマチ</t>
    </rPh>
    <rPh sb="9" eb="10">
      <t>ミセ</t>
    </rPh>
    <phoneticPr fontId="3"/>
  </si>
  <si>
    <t>西区立売堀一丁目４－２２　
セレニテ本町グランデ　１階</t>
    <rPh sb="0" eb="2">
      <t>ニシク</t>
    </rPh>
    <rPh sb="2" eb="5">
      <t>イタチボリ</t>
    </rPh>
    <rPh sb="5" eb="8">
      <t>イッチョウメ</t>
    </rPh>
    <rPh sb="18" eb="20">
      <t>ホンマチ</t>
    </rPh>
    <rPh sb="26" eb="27">
      <t>カイ</t>
    </rPh>
    <phoneticPr fontId="3"/>
  </si>
  <si>
    <t>さくら薬局　大阪南堀江店</t>
    <rPh sb="3" eb="5">
      <t>ヤッキョク</t>
    </rPh>
    <rPh sb="6" eb="8">
      <t>オオサカ</t>
    </rPh>
    <rPh sb="8" eb="11">
      <t>ミナミホリエ</t>
    </rPh>
    <rPh sb="11" eb="12">
      <t>ミセ</t>
    </rPh>
    <phoneticPr fontId="3"/>
  </si>
  <si>
    <t>西区南堀江四丁目４－２０ー１０２
アーデンタワー南堀江</t>
    <rPh sb="0" eb="2">
      <t>ニシク</t>
    </rPh>
    <rPh sb="2" eb="5">
      <t>ミナミホリエ</t>
    </rPh>
    <rPh sb="5" eb="6">
      <t>ヨン</t>
    </rPh>
    <rPh sb="6" eb="8">
      <t>チョウメ</t>
    </rPh>
    <rPh sb="24" eb="27">
      <t>ミナミホリエ</t>
    </rPh>
    <phoneticPr fontId="3"/>
  </si>
  <si>
    <t>リジョイス薬局　阿波座店</t>
    <rPh sb="5" eb="7">
      <t>ヤッキョク</t>
    </rPh>
    <rPh sb="8" eb="11">
      <t>アワザ</t>
    </rPh>
    <rPh sb="11" eb="12">
      <t>テン</t>
    </rPh>
    <phoneticPr fontId="3"/>
  </si>
  <si>
    <t>西区立売堀五丁目３－１４</t>
    <rPh sb="0" eb="2">
      <t>ニシク</t>
    </rPh>
    <rPh sb="2" eb="5">
      <t>イタチボリ</t>
    </rPh>
    <rPh sb="5" eb="8">
      <t>５チョウメ</t>
    </rPh>
    <phoneticPr fontId="3"/>
  </si>
  <si>
    <t>阪神調剤薬局　大阪西店</t>
    <rPh sb="0" eb="2">
      <t>ハンシン</t>
    </rPh>
    <rPh sb="2" eb="4">
      <t>チョウザイ</t>
    </rPh>
    <rPh sb="4" eb="6">
      <t>ヤッキョク</t>
    </rPh>
    <rPh sb="7" eb="9">
      <t>オオサカ</t>
    </rPh>
    <rPh sb="9" eb="10">
      <t>ニシ</t>
    </rPh>
    <rPh sb="10" eb="11">
      <t>ミセ</t>
    </rPh>
    <phoneticPr fontId="3"/>
  </si>
  <si>
    <t>西区本田二丁目１－８　
１階</t>
    <rPh sb="0" eb="2">
      <t>ニシク</t>
    </rPh>
    <rPh sb="2" eb="4">
      <t>ホンダ</t>
    </rPh>
    <rPh sb="4" eb="7">
      <t>ニチョウメ</t>
    </rPh>
    <rPh sb="13" eb="14">
      <t>カイ</t>
    </rPh>
    <phoneticPr fontId="3"/>
  </si>
  <si>
    <t>かるがも薬局　九条店</t>
    <rPh sb="4" eb="6">
      <t>ヤッキョク</t>
    </rPh>
    <rPh sb="7" eb="9">
      <t>クジョウ</t>
    </rPh>
    <rPh sb="9" eb="10">
      <t>テン</t>
    </rPh>
    <phoneticPr fontId="3"/>
  </si>
  <si>
    <t>西区九条一丁目１３－１０</t>
    <rPh sb="0" eb="2">
      <t>ニシク</t>
    </rPh>
    <rPh sb="2" eb="4">
      <t>クジョウ</t>
    </rPh>
    <rPh sb="4" eb="7">
      <t>イッチョウメ</t>
    </rPh>
    <phoneticPr fontId="3"/>
  </si>
  <si>
    <t>オレンジ薬局　西長堀店</t>
    <rPh sb="4" eb="6">
      <t>ヤッキョク</t>
    </rPh>
    <rPh sb="7" eb="10">
      <t>ニシナガホリ</t>
    </rPh>
    <rPh sb="10" eb="11">
      <t>テン</t>
    </rPh>
    <phoneticPr fontId="3"/>
  </si>
  <si>
    <t>西区新町四丁目５－７　
細野ビル　１階</t>
    <rPh sb="0" eb="2">
      <t>ニシク</t>
    </rPh>
    <rPh sb="2" eb="3">
      <t>シン</t>
    </rPh>
    <rPh sb="3" eb="4">
      <t>マチ</t>
    </rPh>
    <rPh sb="4" eb="7">
      <t>ヨンチョウメ</t>
    </rPh>
    <rPh sb="12" eb="14">
      <t>ホソノ</t>
    </rPh>
    <rPh sb="18" eb="19">
      <t>カイ</t>
    </rPh>
    <phoneticPr fontId="3"/>
  </si>
  <si>
    <t>薬局ラボPharmacy</t>
    <rPh sb="0" eb="2">
      <t>ヤッキョク</t>
    </rPh>
    <phoneticPr fontId="3"/>
  </si>
  <si>
    <t>西区北堀江一丁目４－５</t>
    <rPh sb="0" eb="2">
      <t>ニシク</t>
    </rPh>
    <rPh sb="2" eb="5">
      <t>キタホリエ</t>
    </rPh>
    <rPh sb="5" eb="8">
      <t>イッチョウメ</t>
    </rPh>
    <phoneticPr fontId="3"/>
  </si>
  <si>
    <t>1801977</t>
  </si>
  <si>
    <t>アップルプラス薬局</t>
    <rPh sb="7" eb="9">
      <t>ヤッキョク</t>
    </rPh>
    <phoneticPr fontId="3"/>
  </si>
  <si>
    <t>西区千代崎二丁目２４－１６　
１階</t>
    <rPh sb="0" eb="2">
      <t>ニシク</t>
    </rPh>
    <rPh sb="2" eb="5">
      <t>チヨザキ</t>
    </rPh>
    <rPh sb="5" eb="8">
      <t>ニチョウメ</t>
    </rPh>
    <rPh sb="16" eb="17">
      <t>カイ</t>
    </rPh>
    <phoneticPr fontId="3"/>
  </si>
  <si>
    <t>西区</t>
  </si>
  <si>
    <t>1801985</t>
  </si>
  <si>
    <t>オリーブ調剤薬局</t>
    <rPh sb="4" eb="6">
      <t>チョウザイ</t>
    </rPh>
    <rPh sb="6" eb="8">
      <t>ヤッキョク</t>
    </rPh>
    <phoneticPr fontId="3"/>
  </si>
  <si>
    <t>西区北堀江二丁目１５－８
繁ビル　１階　東側店舗</t>
    <rPh sb="0" eb="2">
      <t>ニシク</t>
    </rPh>
    <rPh sb="2" eb="5">
      <t>キタホリエ</t>
    </rPh>
    <rPh sb="5" eb="8">
      <t>ニチョウメ</t>
    </rPh>
    <rPh sb="13" eb="14">
      <t>シゲル</t>
    </rPh>
    <rPh sb="18" eb="19">
      <t>カイ</t>
    </rPh>
    <rPh sb="20" eb="22">
      <t>ヒガシガワ</t>
    </rPh>
    <rPh sb="22" eb="24">
      <t>テンポ</t>
    </rPh>
    <phoneticPr fontId="3"/>
  </si>
  <si>
    <t>1801993</t>
  </si>
  <si>
    <t>西区西本町一丁目４－１ー１０１
オリックス本町ビル</t>
    <rPh sb="0" eb="2">
      <t>ニシク</t>
    </rPh>
    <rPh sb="2" eb="5">
      <t>ニシホンマチ</t>
    </rPh>
    <rPh sb="5" eb="8">
      <t>イッチョウメ</t>
    </rPh>
    <rPh sb="21" eb="23">
      <t>ホンマチ</t>
    </rPh>
    <phoneticPr fontId="3"/>
  </si>
  <si>
    <t>西区</t>
    <rPh sb="0" eb="1">
      <t>ニシ</t>
    </rPh>
    <rPh sb="1" eb="2">
      <t>ク</t>
    </rPh>
    <phoneticPr fontId="3"/>
  </si>
  <si>
    <t>1802017</t>
  </si>
  <si>
    <t>かるがも薬局　新町店</t>
    <rPh sb="4" eb="6">
      <t>ヤッキョク</t>
    </rPh>
    <rPh sb="7" eb="9">
      <t>シンマチ</t>
    </rPh>
    <rPh sb="9" eb="10">
      <t>テン</t>
    </rPh>
    <phoneticPr fontId="3"/>
  </si>
  <si>
    <t>西区新町一丁目３３－１　
Ｏｎｅ　Ｓｈｉｎｍａｃｈｉ　１階</t>
    <rPh sb="0" eb="2">
      <t>ニシク</t>
    </rPh>
    <rPh sb="2" eb="4">
      <t>シンマチ</t>
    </rPh>
    <rPh sb="4" eb="7">
      <t>イッチョウメ</t>
    </rPh>
    <rPh sb="28" eb="29">
      <t>カイ</t>
    </rPh>
    <phoneticPr fontId="3"/>
  </si>
  <si>
    <t>1802025</t>
  </si>
  <si>
    <t>550-0004</t>
  </si>
  <si>
    <t>西区靭本町一丁目９－１５　
近畿富山会館ビルディング　１階</t>
    <rPh sb="0" eb="2">
      <t>ニシク</t>
    </rPh>
    <rPh sb="2" eb="3">
      <t>ウツボ</t>
    </rPh>
    <rPh sb="3" eb="5">
      <t>ホンマチ</t>
    </rPh>
    <rPh sb="5" eb="8">
      <t>イッチョウメ</t>
    </rPh>
    <rPh sb="14" eb="16">
      <t>キンキ</t>
    </rPh>
    <rPh sb="16" eb="18">
      <t>トミヤマ</t>
    </rPh>
    <rPh sb="18" eb="20">
      <t>カイカン</t>
    </rPh>
    <rPh sb="28" eb="29">
      <t>カイ</t>
    </rPh>
    <phoneticPr fontId="3"/>
  </si>
  <si>
    <t>1802033</t>
  </si>
  <si>
    <t>ほんまち薬局</t>
    <rPh sb="4" eb="6">
      <t>ヤッキョク</t>
    </rPh>
    <phoneticPr fontId="3"/>
  </si>
  <si>
    <t>西区立売堀一丁目４－２２－１０２　
セレニテ本町グランデ　１階</t>
    <rPh sb="0" eb="2">
      <t>ニシク</t>
    </rPh>
    <rPh sb="2" eb="5">
      <t>イタチボリ</t>
    </rPh>
    <rPh sb="5" eb="8">
      <t>イッチョウメ</t>
    </rPh>
    <rPh sb="22" eb="24">
      <t>ホンマチ</t>
    </rPh>
    <rPh sb="30" eb="31">
      <t>カイ</t>
    </rPh>
    <phoneticPr fontId="3"/>
  </si>
  <si>
    <t>港区</t>
    <rPh sb="0" eb="2">
      <t>ミナトク</t>
    </rPh>
    <phoneticPr fontId="3"/>
  </si>
  <si>
    <t>境川薬局</t>
    <rPh sb="0" eb="2">
      <t>サカイガワ</t>
    </rPh>
    <rPh sb="2" eb="4">
      <t>ヤッキョク</t>
    </rPh>
    <phoneticPr fontId="3"/>
  </si>
  <si>
    <t>港区八幡屋一丁目３－１６</t>
    <rPh sb="0" eb="2">
      <t>ミナトク</t>
    </rPh>
    <rPh sb="2" eb="4">
      <t>ハチマン</t>
    </rPh>
    <rPh sb="4" eb="5">
      <t>ヤ</t>
    </rPh>
    <rPh sb="5" eb="8">
      <t>イッチョウメ</t>
    </rPh>
    <phoneticPr fontId="3"/>
  </si>
  <si>
    <t>寿薬局</t>
    <rPh sb="0" eb="1">
      <t>コトブキ</t>
    </rPh>
    <rPh sb="1" eb="3">
      <t>ヤッキョク</t>
    </rPh>
    <phoneticPr fontId="3"/>
  </si>
  <si>
    <t>港区八幡屋二丁目１５－１</t>
    <rPh sb="0" eb="2">
      <t>ミナトク</t>
    </rPh>
    <rPh sb="2" eb="5">
      <t>ヤハタヤ</t>
    </rPh>
    <rPh sb="5" eb="8">
      <t>ニチョウメ</t>
    </rPh>
    <phoneticPr fontId="3"/>
  </si>
  <si>
    <t>キョウエイ調剤薬局</t>
    <rPh sb="5" eb="7">
      <t>チョウザイ</t>
    </rPh>
    <rPh sb="7" eb="9">
      <t>ヤッキョク</t>
    </rPh>
    <phoneticPr fontId="3"/>
  </si>
  <si>
    <t>港区弁天二丁目１－８　
弁天コーポ　１１３</t>
    <rPh sb="0" eb="2">
      <t>ミナトク</t>
    </rPh>
    <rPh sb="2" eb="4">
      <t>ベンテン</t>
    </rPh>
    <rPh sb="4" eb="7">
      <t>ニチョウメ</t>
    </rPh>
    <rPh sb="12" eb="14">
      <t>ベンテン</t>
    </rPh>
    <phoneticPr fontId="3"/>
  </si>
  <si>
    <t>港区市岡一丁目４－２２</t>
    <rPh sb="4" eb="7">
      <t>イッチョウメ</t>
    </rPh>
    <phoneticPr fontId="3"/>
  </si>
  <si>
    <t>イキミ薬局</t>
    <rPh sb="3" eb="5">
      <t>ヤッキョク</t>
    </rPh>
    <phoneticPr fontId="3"/>
  </si>
  <si>
    <t>港区三先二丁目１３－２５</t>
    <rPh sb="0" eb="2">
      <t>ミナトク</t>
    </rPh>
    <rPh sb="2" eb="3">
      <t>サン</t>
    </rPh>
    <rPh sb="3" eb="4">
      <t>サキ</t>
    </rPh>
    <rPh sb="4" eb="7">
      <t>ニチョウメ</t>
    </rPh>
    <phoneticPr fontId="3"/>
  </si>
  <si>
    <t>ドレミ薬局</t>
    <rPh sb="3" eb="5">
      <t>ヤッキョク</t>
    </rPh>
    <phoneticPr fontId="3"/>
  </si>
  <si>
    <t>港区夕凪二丁目１６－９
１階</t>
    <rPh sb="0" eb="2">
      <t>ミナトク</t>
    </rPh>
    <rPh sb="2" eb="4">
      <t>ユウナギ</t>
    </rPh>
    <rPh sb="4" eb="7">
      <t>ニチョウメ</t>
    </rPh>
    <rPh sb="13" eb="14">
      <t>カイ</t>
    </rPh>
    <phoneticPr fontId="3"/>
  </si>
  <si>
    <t>コトブキ薬局　港店</t>
    <rPh sb="4" eb="6">
      <t>ヤッキョク</t>
    </rPh>
    <rPh sb="7" eb="8">
      <t>ミナト</t>
    </rPh>
    <rPh sb="8" eb="9">
      <t>テン</t>
    </rPh>
    <phoneticPr fontId="3"/>
  </si>
  <si>
    <t>港区築港三丁目５－１　
興福第２ビル　１階</t>
    <rPh sb="0" eb="2">
      <t>ミナトク</t>
    </rPh>
    <rPh sb="2" eb="4">
      <t>チッコウ</t>
    </rPh>
    <rPh sb="4" eb="7">
      <t>サンチョウメ</t>
    </rPh>
    <rPh sb="12" eb="13">
      <t>オコ</t>
    </rPh>
    <rPh sb="13" eb="14">
      <t>フク</t>
    </rPh>
    <rPh sb="14" eb="15">
      <t>ダイ</t>
    </rPh>
    <rPh sb="20" eb="21">
      <t>カイ</t>
    </rPh>
    <phoneticPr fontId="3"/>
  </si>
  <si>
    <t>うしお薬局</t>
    <rPh sb="3" eb="5">
      <t>ヤッキョク</t>
    </rPh>
    <phoneticPr fontId="3"/>
  </si>
  <si>
    <t>港区築港一丁目１４－２</t>
    <rPh sb="0" eb="2">
      <t>ミナトク</t>
    </rPh>
    <rPh sb="2" eb="4">
      <t>チッコウ</t>
    </rPh>
    <rPh sb="4" eb="7">
      <t>イッチョウメ</t>
    </rPh>
    <phoneticPr fontId="3"/>
  </si>
  <si>
    <t>イキミ薬局　港晴南店</t>
    <rPh sb="3" eb="5">
      <t>ヤッキョク</t>
    </rPh>
    <rPh sb="6" eb="7">
      <t>ミナト</t>
    </rPh>
    <rPh sb="7" eb="8">
      <t>ハ</t>
    </rPh>
    <rPh sb="8" eb="9">
      <t>ミナミ</t>
    </rPh>
    <rPh sb="9" eb="10">
      <t>テン</t>
    </rPh>
    <phoneticPr fontId="3"/>
  </si>
  <si>
    <t>港区港晴一丁目１－２４</t>
    <rPh sb="0" eb="2">
      <t>ミナトク</t>
    </rPh>
    <rPh sb="2" eb="4">
      <t>コウセイ</t>
    </rPh>
    <rPh sb="4" eb="7">
      <t>イッチョウメ</t>
    </rPh>
    <phoneticPr fontId="3"/>
  </si>
  <si>
    <t>イキミ薬局　港晴北店</t>
    <rPh sb="3" eb="5">
      <t>ヤッキョク</t>
    </rPh>
    <rPh sb="6" eb="7">
      <t>ミナト</t>
    </rPh>
    <rPh sb="7" eb="8">
      <t>ハ</t>
    </rPh>
    <rPh sb="8" eb="9">
      <t>キタ</t>
    </rPh>
    <rPh sb="9" eb="10">
      <t>テン</t>
    </rPh>
    <phoneticPr fontId="3"/>
  </si>
  <si>
    <t>港区港晴三丁目１７－２</t>
    <rPh sb="0" eb="2">
      <t>ミナトク</t>
    </rPh>
    <rPh sb="2" eb="3">
      <t>コウ</t>
    </rPh>
    <rPh sb="3" eb="4">
      <t>ハ</t>
    </rPh>
    <rPh sb="4" eb="7">
      <t>サンチョウメ</t>
    </rPh>
    <phoneticPr fontId="13"/>
  </si>
  <si>
    <t>そうごう薬局</t>
    <rPh sb="4" eb="6">
      <t>ヤッキョク</t>
    </rPh>
    <phoneticPr fontId="3"/>
  </si>
  <si>
    <t>港区市岡一丁目１５－６</t>
    <rPh sb="0" eb="2">
      <t>ミナトク</t>
    </rPh>
    <rPh sb="2" eb="4">
      <t>イチオカ</t>
    </rPh>
    <rPh sb="4" eb="7">
      <t>イッチョウメ</t>
    </rPh>
    <phoneticPr fontId="3"/>
  </si>
  <si>
    <t>イキミ薬局　中央体育店</t>
    <rPh sb="3" eb="5">
      <t>ヤッキョク</t>
    </rPh>
    <rPh sb="6" eb="8">
      <t>チュウオウ</t>
    </rPh>
    <rPh sb="8" eb="10">
      <t>タイイク</t>
    </rPh>
    <rPh sb="10" eb="11">
      <t>テン</t>
    </rPh>
    <phoneticPr fontId="3"/>
  </si>
  <si>
    <t>港区港晴三丁目１－１１</t>
    <rPh sb="0" eb="2">
      <t>ミナトク</t>
    </rPh>
    <rPh sb="2" eb="4">
      <t>コウセイ</t>
    </rPh>
    <rPh sb="4" eb="7">
      <t>サンチョウメ</t>
    </rPh>
    <phoneticPr fontId="3"/>
  </si>
  <si>
    <t>コスモス薬局</t>
    <rPh sb="4" eb="6">
      <t>ヤッキョク</t>
    </rPh>
    <phoneticPr fontId="3"/>
  </si>
  <si>
    <t>港区弁天二丁目２－９</t>
    <rPh sb="0" eb="2">
      <t>ミナトク</t>
    </rPh>
    <rPh sb="2" eb="4">
      <t>ベンテン</t>
    </rPh>
    <rPh sb="4" eb="7">
      <t>ニチョウメ</t>
    </rPh>
    <phoneticPr fontId="3"/>
  </si>
  <si>
    <t>みずさき薬局</t>
    <rPh sb="4" eb="6">
      <t>ヤッキョク</t>
    </rPh>
    <phoneticPr fontId="3"/>
  </si>
  <si>
    <t>港区築港一丁目１４－３</t>
    <rPh sb="0" eb="2">
      <t>ミナトク</t>
    </rPh>
    <rPh sb="2" eb="4">
      <t>チッコウ</t>
    </rPh>
    <rPh sb="4" eb="7">
      <t>イッチョウメ</t>
    </rPh>
    <phoneticPr fontId="3"/>
  </si>
  <si>
    <t>セガミ薬局　弁天町店</t>
    <rPh sb="3" eb="5">
      <t>ヤッキョク</t>
    </rPh>
    <rPh sb="6" eb="9">
      <t>ベンテンチョウ</t>
    </rPh>
    <rPh sb="9" eb="10">
      <t>テン</t>
    </rPh>
    <phoneticPr fontId="3"/>
  </si>
  <si>
    <t>港区弁天一丁目３－３　
クロスシティ弁天町　３階</t>
    <rPh sb="0" eb="2">
      <t>ミナトク</t>
    </rPh>
    <rPh sb="2" eb="4">
      <t>ベンテン</t>
    </rPh>
    <rPh sb="4" eb="7">
      <t>イッチョウメ</t>
    </rPh>
    <rPh sb="18" eb="21">
      <t>ベンテンチョウ</t>
    </rPh>
    <rPh sb="23" eb="24">
      <t>カイ</t>
    </rPh>
    <phoneticPr fontId="3"/>
  </si>
  <si>
    <t>八幡屋薬局</t>
    <rPh sb="0" eb="2">
      <t>ハチマン</t>
    </rPh>
    <rPh sb="2" eb="3">
      <t>ヤ</t>
    </rPh>
    <rPh sb="3" eb="5">
      <t>ヤッキョク</t>
    </rPh>
    <phoneticPr fontId="3"/>
  </si>
  <si>
    <t>港区八幡屋一丁目１６－１４</t>
    <rPh sb="0" eb="2">
      <t>ミナトク</t>
    </rPh>
    <rPh sb="2" eb="4">
      <t>ハチマン</t>
    </rPh>
    <rPh sb="4" eb="5">
      <t>ヤ</t>
    </rPh>
    <rPh sb="5" eb="8">
      <t>イッチョウメ</t>
    </rPh>
    <phoneticPr fontId="3"/>
  </si>
  <si>
    <t>朝潮橋駅前薬局</t>
    <rPh sb="0" eb="3">
      <t>アサシオバシ</t>
    </rPh>
    <rPh sb="3" eb="5">
      <t>エキマエ</t>
    </rPh>
    <rPh sb="5" eb="7">
      <t>ヤッキョク</t>
    </rPh>
    <phoneticPr fontId="3"/>
  </si>
  <si>
    <t>港区池島一丁目１－１８</t>
    <rPh sb="0" eb="2">
      <t>ミナトク</t>
    </rPh>
    <rPh sb="2" eb="4">
      <t>イケジマ</t>
    </rPh>
    <rPh sb="4" eb="7">
      <t>イッチョウメ</t>
    </rPh>
    <phoneticPr fontId="3"/>
  </si>
  <si>
    <t>テイコク薬局</t>
    <rPh sb="4" eb="6">
      <t>ヤッキョク</t>
    </rPh>
    <phoneticPr fontId="3"/>
  </si>
  <si>
    <t>港区弁天一丁目２－４－２００　
オークプラザ　２階</t>
    <rPh sb="0" eb="2">
      <t>ミナトク</t>
    </rPh>
    <rPh sb="2" eb="4">
      <t>ベンテン</t>
    </rPh>
    <rPh sb="4" eb="7">
      <t>イッチョウメ</t>
    </rPh>
    <rPh sb="24" eb="25">
      <t>カイ</t>
    </rPh>
    <phoneticPr fontId="3"/>
  </si>
  <si>
    <t>青葉薬局　なみよけ店</t>
    <rPh sb="0" eb="2">
      <t>アオバ</t>
    </rPh>
    <rPh sb="2" eb="4">
      <t>ヤッキョク</t>
    </rPh>
    <rPh sb="9" eb="10">
      <t>テン</t>
    </rPh>
    <phoneticPr fontId="3"/>
  </si>
  <si>
    <t>港区波除三丁目３－１３</t>
    <rPh sb="0" eb="2">
      <t>ミナトク</t>
    </rPh>
    <rPh sb="2" eb="4">
      <t>ナミヨケ</t>
    </rPh>
    <rPh sb="4" eb="5">
      <t>サン</t>
    </rPh>
    <rPh sb="5" eb="7">
      <t>チョウメ</t>
    </rPh>
    <phoneticPr fontId="3"/>
  </si>
  <si>
    <t>三和薬局</t>
    <rPh sb="0" eb="2">
      <t>サンワ</t>
    </rPh>
    <rPh sb="2" eb="4">
      <t>ヤッキョク</t>
    </rPh>
    <phoneticPr fontId="3"/>
  </si>
  <si>
    <t>港区三先一丁目１０－２２</t>
    <rPh sb="0" eb="2">
      <t>ミナトク</t>
    </rPh>
    <rPh sb="2" eb="3">
      <t>サン</t>
    </rPh>
    <rPh sb="3" eb="4">
      <t>サキ</t>
    </rPh>
    <rPh sb="4" eb="5">
      <t>イチ</t>
    </rPh>
    <rPh sb="5" eb="7">
      <t>チョウメ</t>
    </rPh>
    <phoneticPr fontId="3"/>
  </si>
  <si>
    <t>イキミ薬局　弁天町店</t>
    <rPh sb="3" eb="5">
      <t>ヤッキョク</t>
    </rPh>
    <rPh sb="6" eb="9">
      <t>ベンテンチョウ</t>
    </rPh>
    <rPh sb="9" eb="10">
      <t>テン</t>
    </rPh>
    <phoneticPr fontId="3"/>
  </si>
  <si>
    <t>港区弁天四丁目１３－１０</t>
    <rPh sb="0" eb="2">
      <t>ミナトク</t>
    </rPh>
    <rPh sb="2" eb="4">
      <t>ベンテン</t>
    </rPh>
    <rPh sb="4" eb="7">
      <t>ヨンチョウメ</t>
    </rPh>
    <phoneticPr fontId="3"/>
  </si>
  <si>
    <t>バード薬局</t>
    <rPh sb="3" eb="5">
      <t>ヤッキョク</t>
    </rPh>
    <phoneticPr fontId="3"/>
  </si>
  <si>
    <t>港区夕凪二丁目１７－５
辻産業ビル　１階</t>
    <rPh sb="0" eb="2">
      <t>ミナトク</t>
    </rPh>
    <rPh sb="2" eb="4">
      <t>ユウナギ</t>
    </rPh>
    <rPh sb="4" eb="7">
      <t>2チョウメ</t>
    </rPh>
    <rPh sb="12" eb="13">
      <t>ツジ</t>
    </rPh>
    <rPh sb="13" eb="15">
      <t>サンギョウ</t>
    </rPh>
    <rPh sb="19" eb="20">
      <t>カイ</t>
    </rPh>
    <phoneticPr fontId="3"/>
  </si>
  <si>
    <t>廣田漢方堂薬局</t>
    <rPh sb="0" eb="1">
      <t>ヒロ</t>
    </rPh>
    <rPh sb="1" eb="2">
      <t>タ</t>
    </rPh>
    <rPh sb="2" eb="4">
      <t>カンポウ</t>
    </rPh>
    <rPh sb="4" eb="5">
      <t>ドウ</t>
    </rPh>
    <rPh sb="5" eb="7">
      <t>ヤッキョク</t>
    </rPh>
    <phoneticPr fontId="3"/>
  </si>
  <si>
    <t>港区弁天四丁目５－１</t>
    <rPh sb="0" eb="2">
      <t>ミナトク</t>
    </rPh>
    <rPh sb="2" eb="4">
      <t>ベンテン</t>
    </rPh>
    <rPh sb="4" eb="5">
      <t>４</t>
    </rPh>
    <rPh sb="5" eb="7">
      <t>チョウメ</t>
    </rPh>
    <phoneticPr fontId="3"/>
  </si>
  <si>
    <t>元気薬局　波除店</t>
    <rPh sb="0" eb="2">
      <t>ゲンキ</t>
    </rPh>
    <rPh sb="2" eb="4">
      <t>ヤッキョク</t>
    </rPh>
    <rPh sb="5" eb="7">
      <t>ナミヨケ</t>
    </rPh>
    <rPh sb="7" eb="8">
      <t>テン</t>
    </rPh>
    <phoneticPr fontId="3"/>
  </si>
  <si>
    <t>港区波除三丁目４－２３</t>
    <rPh sb="0" eb="2">
      <t>ミナトク</t>
    </rPh>
    <rPh sb="2" eb="4">
      <t>ナミヨケ</t>
    </rPh>
    <rPh sb="4" eb="7">
      <t>３チョウメ</t>
    </rPh>
    <phoneticPr fontId="3"/>
  </si>
  <si>
    <t>フォーユー薬局　朝潮橋店</t>
    <rPh sb="5" eb="7">
      <t>ヤッキョク</t>
    </rPh>
    <rPh sb="8" eb="12">
      <t>アサシオバシテン</t>
    </rPh>
    <phoneticPr fontId="3"/>
  </si>
  <si>
    <t>港区八幡屋一丁目１１－１０　
シカタビル　１階</t>
    <rPh sb="0" eb="2">
      <t>ミナトク</t>
    </rPh>
    <rPh sb="2" eb="4">
      <t>ヤハタ</t>
    </rPh>
    <rPh sb="4" eb="5">
      <t>ヤ</t>
    </rPh>
    <rPh sb="5" eb="8">
      <t>１チョウメ</t>
    </rPh>
    <rPh sb="22" eb="23">
      <t>カイ</t>
    </rPh>
    <phoneticPr fontId="3"/>
  </si>
  <si>
    <t>みなと調剤薬局</t>
    <rPh sb="3" eb="5">
      <t>チョウザイ</t>
    </rPh>
    <rPh sb="5" eb="7">
      <t>ヤッキョク</t>
    </rPh>
    <phoneticPr fontId="3"/>
  </si>
  <si>
    <t>港区八幡屋一丁目１０－１４</t>
    <rPh sb="0" eb="2">
      <t>ミナトク</t>
    </rPh>
    <rPh sb="2" eb="5">
      <t>ヤハタヤ</t>
    </rPh>
    <rPh sb="5" eb="8">
      <t>イッチョウメ</t>
    </rPh>
    <phoneticPr fontId="3"/>
  </si>
  <si>
    <t>なぎさ薬局</t>
    <rPh sb="3" eb="5">
      <t>ヤッキョク</t>
    </rPh>
    <phoneticPr fontId="3"/>
  </si>
  <si>
    <t>港区磯路三丁目３－３</t>
    <rPh sb="0" eb="2">
      <t>ミナトク</t>
    </rPh>
    <rPh sb="2" eb="4">
      <t>イソジ</t>
    </rPh>
    <rPh sb="4" eb="7">
      <t>３チョウメ</t>
    </rPh>
    <phoneticPr fontId="3"/>
  </si>
  <si>
    <t>コトブキ薬局　夕凪店</t>
    <rPh sb="4" eb="6">
      <t>ヤッキョク</t>
    </rPh>
    <rPh sb="7" eb="9">
      <t>ユウナギ</t>
    </rPh>
    <rPh sb="9" eb="10">
      <t>ミセ</t>
    </rPh>
    <phoneticPr fontId="3"/>
  </si>
  <si>
    <t>港区夕凪二丁目１－７　
１階</t>
    <rPh sb="2" eb="4">
      <t>ユウナギ</t>
    </rPh>
    <rPh sb="4" eb="7">
      <t>ニチョウメ</t>
    </rPh>
    <rPh sb="13" eb="14">
      <t>カイ</t>
    </rPh>
    <phoneticPr fontId="3"/>
  </si>
  <si>
    <t>弁天薬局</t>
    <rPh sb="0" eb="2">
      <t>ベンテン</t>
    </rPh>
    <rPh sb="2" eb="4">
      <t>ヤッキョク</t>
    </rPh>
    <phoneticPr fontId="3"/>
  </si>
  <si>
    <t>港区三先一丁目１０－２８　
サンファミリー三先ＰＡＲＴ２　１階</t>
    <rPh sb="0" eb="2">
      <t>ミナトク</t>
    </rPh>
    <rPh sb="2" eb="4">
      <t>ミサキ</t>
    </rPh>
    <rPh sb="4" eb="7">
      <t>イッチョウメ</t>
    </rPh>
    <rPh sb="21" eb="23">
      <t>ミサキ</t>
    </rPh>
    <rPh sb="30" eb="31">
      <t>カイ</t>
    </rPh>
    <phoneticPr fontId="3"/>
  </si>
  <si>
    <t>ウキジマ薬局</t>
    <rPh sb="4" eb="6">
      <t>ヤッキョク</t>
    </rPh>
    <phoneticPr fontId="3"/>
  </si>
  <si>
    <t>港区八幡屋一丁目１５－１</t>
    <rPh sb="0" eb="2">
      <t>ミナトク</t>
    </rPh>
    <rPh sb="2" eb="4">
      <t>ヤハタ</t>
    </rPh>
    <rPh sb="4" eb="5">
      <t>ヤ</t>
    </rPh>
    <rPh sb="5" eb="8">
      <t>イッチョウメ</t>
    </rPh>
    <phoneticPr fontId="3"/>
  </si>
  <si>
    <t>磯路薬局</t>
    <rPh sb="0" eb="2">
      <t>イソジ</t>
    </rPh>
    <rPh sb="2" eb="4">
      <t>ヤッキョク</t>
    </rPh>
    <phoneticPr fontId="3"/>
  </si>
  <si>
    <t>港区磯路三丁目１６－１　
髙瀬磯路ビル　１階</t>
    <rPh sb="0" eb="2">
      <t>ミナトク</t>
    </rPh>
    <rPh sb="2" eb="4">
      <t>イソジ</t>
    </rPh>
    <rPh sb="4" eb="7">
      <t>サンチョウメ</t>
    </rPh>
    <rPh sb="13" eb="15">
      <t>タカセ</t>
    </rPh>
    <rPh sb="15" eb="17">
      <t>イソジ</t>
    </rPh>
    <rPh sb="21" eb="22">
      <t>カイ</t>
    </rPh>
    <phoneticPr fontId="3"/>
  </si>
  <si>
    <t>港区</t>
  </si>
  <si>
    <t>0401498</t>
  </si>
  <si>
    <t>港区八幡屋一丁目１２－７
１階</t>
    <rPh sb="0" eb="2">
      <t>ミナトク</t>
    </rPh>
    <rPh sb="2" eb="4">
      <t>ヤハタ</t>
    </rPh>
    <rPh sb="4" eb="5">
      <t>ヤ</t>
    </rPh>
    <rPh sb="5" eb="8">
      <t>イッチョウメ</t>
    </rPh>
    <rPh sb="14" eb="15">
      <t>カイ</t>
    </rPh>
    <phoneticPr fontId="3"/>
  </si>
  <si>
    <t>0401506</t>
  </si>
  <si>
    <t>大家薬局</t>
    <rPh sb="0" eb="2">
      <t>オオヤ</t>
    </rPh>
    <rPh sb="2" eb="4">
      <t>ヤッキョク</t>
    </rPh>
    <phoneticPr fontId="3"/>
  </si>
  <si>
    <t>港区弁天二丁目１－８－１０１</t>
    <rPh sb="0" eb="2">
      <t>ミナトク</t>
    </rPh>
    <rPh sb="2" eb="4">
      <t>ベンテン</t>
    </rPh>
    <rPh sb="4" eb="7">
      <t>ニチョウメ</t>
    </rPh>
    <phoneticPr fontId="3"/>
  </si>
  <si>
    <t>大正区</t>
    <rPh sb="0" eb="3">
      <t>タイショウク</t>
    </rPh>
    <phoneticPr fontId="3"/>
  </si>
  <si>
    <t>ヤマサキ薬局</t>
    <rPh sb="4" eb="6">
      <t>ヤッキョク</t>
    </rPh>
    <phoneticPr fontId="3"/>
  </si>
  <si>
    <t>大正区千島二丁目３－１４</t>
    <rPh sb="0" eb="3">
      <t>タイショウク</t>
    </rPh>
    <rPh sb="3" eb="5">
      <t>チシマ</t>
    </rPh>
    <rPh sb="5" eb="8">
      <t>ニチョウメ</t>
    </rPh>
    <phoneticPr fontId="3"/>
  </si>
  <si>
    <t>カコ薬局</t>
    <rPh sb="2" eb="4">
      <t>ヤッキョク</t>
    </rPh>
    <phoneticPr fontId="3"/>
  </si>
  <si>
    <t>大正区鶴町二丁目３－５</t>
    <rPh sb="0" eb="3">
      <t>タイショウク</t>
    </rPh>
    <rPh sb="3" eb="5">
      <t>ツルマチ</t>
    </rPh>
    <rPh sb="5" eb="8">
      <t>ニチョウメ</t>
    </rPh>
    <phoneticPr fontId="3"/>
  </si>
  <si>
    <t>有限会社千島栗橋薬局</t>
    <rPh sb="0" eb="4">
      <t>ユウゲンガイシャ</t>
    </rPh>
    <rPh sb="4" eb="6">
      <t>チシマ</t>
    </rPh>
    <rPh sb="6" eb="8">
      <t>クリハシ</t>
    </rPh>
    <rPh sb="8" eb="10">
      <t>ヤッキョク</t>
    </rPh>
    <phoneticPr fontId="3"/>
  </si>
  <si>
    <t>大正区千島三丁目１－５</t>
    <rPh sb="0" eb="3">
      <t>タイショウク</t>
    </rPh>
    <rPh sb="3" eb="5">
      <t>チシマ</t>
    </rPh>
    <rPh sb="5" eb="8">
      <t>サンチョウメ</t>
    </rPh>
    <phoneticPr fontId="3"/>
  </si>
  <si>
    <t>くりはし薬局</t>
    <rPh sb="4" eb="6">
      <t>ヤッキョク</t>
    </rPh>
    <phoneticPr fontId="3"/>
  </si>
  <si>
    <t>大正区泉尾二丁目１１－１０</t>
    <rPh sb="0" eb="3">
      <t>タイショウク</t>
    </rPh>
    <rPh sb="3" eb="5">
      <t>イズオ</t>
    </rPh>
    <rPh sb="5" eb="8">
      <t>ニチョウメ</t>
    </rPh>
    <phoneticPr fontId="3"/>
  </si>
  <si>
    <t>漢方のまさえ堂薬局</t>
    <rPh sb="0" eb="2">
      <t>カンポウ</t>
    </rPh>
    <rPh sb="6" eb="7">
      <t>ドウ</t>
    </rPh>
    <rPh sb="7" eb="9">
      <t>ヤッキョク</t>
    </rPh>
    <phoneticPr fontId="3"/>
  </si>
  <si>
    <t>大正区泉尾四丁目１３－１</t>
    <rPh sb="0" eb="3">
      <t>タイショウク</t>
    </rPh>
    <rPh sb="3" eb="5">
      <t>イズオ</t>
    </rPh>
    <rPh sb="5" eb="8">
      <t>ヨンチョウメ</t>
    </rPh>
    <phoneticPr fontId="3"/>
  </si>
  <si>
    <t>大正区三軒家西一丁目５－２０</t>
    <rPh sb="0" eb="3">
      <t>タイショウク</t>
    </rPh>
    <rPh sb="3" eb="6">
      <t>サンゲンヤ</t>
    </rPh>
    <rPh sb="6" eb="7">
      <t>ニシ</t>
    </rPh>
    <rPh sb="7" eb="10">
      <t>イッチョウメ</t>
    </rPh>
    <phoneticPr fontId="3"/>
  </si>
  <si>
    <t>くすのき薬局</t>
    <rPh sb="4" eb="6">
      <t>ヤッキョク</t>
    </rPh>
    <phoneticPr fontId="3"/>
  </si>
  <si>
    <t>大正区泉尾三丁目１１－２４　
プロニティ江川　１階</t>
    <rPh sb="0" eb="3">
      <t>タイショウク</t>
    </rPh>
    <rPh sb="3" eb="5">
      <t>イズオ</t>
    </rPh>
    <rPh sb="5" eb="8">
      <t>サンチョウメ</t>
    </rPh>
    <rPh sb="20" eb="22">
      <t>エガワ</t>
    </rPh>
    <rPh sb="24" eb="25">
      <t>カイ</t>
    </rPh>
    <phoneticPr fontId="3"/>
  </si>
  <si>
    <t>大正区泉尾四丁目１６－１</t>
    <rPh sb="0" eb="3">
      <t>タイショウク</t>
    </rPh>
    <rPh sb="3" eb="5">
      <t>イズオ</t>
    </rPh>
    <rPh sb="5" eb="8">
      <t>ヨンチョウメ</t>
    </rPh>
    <phoneticPr fontId="3"/>
  </si>
  <si>
    <t>しらゆり薬局</t>
    <rPh sb="4" eb="6">
      <t>ヤッキョク</t>
    </rPh>
    <phoneticPr fontId="3"/>
  </si>
  <si>
    <t>大正区小林西二丁目２－６</t>
    <rPh sb="0" eb="3">
      <t>タイショウク</t>
    </rPh>
    <rPh sb="3" eb="6">
      <t>コバヤシニシ</t>
    </rPh>
    <rPh sb="6" eb="9">
      <t>ニチョウメ</t>
    </rPh>
    <phoneticPr fontId="3"/>
  </si>
  <si>
    <t>大正薬局</t>
    <rPh sb="0" eb="2">
      <t>タイショウ</t>
    </rPh>
    <rPh sb="2" eb="4">
      <t>ヤッキョク</t>
    </rPh>
    <phoneticPr fontId="3"/>
  </si>
  <si>
    <t>大正区平尾五丁目３－１９</t>
    <rPh sb="0" eb="3">
      <t>タイショウク</t>
    </rPh>
    <rPh sb="3" eb="5">
      <t>ヒラオ</t>
    </rPh>
    <rPh sb="5" eb="8">
      <t>ゴチョウメ</t>
    </rPh>
    <phoneticPr fontId="3"/>
  </si>
  <si>
    <t>平尾カイセイ薬局</t>
    <rPh sb="0" eb="2">
      <t>ヒラオ</t>
    </rPh>
    <rPh sb="6" eb="8">
      <t>ヤッキョク</t>
    </rPh>
    <phoneticPr fontId="3"/>
  </si>
  <si>
    <t>大正区平尾四丁目２３－１８</t>
    <rPh sb="0" eb="3">
      <t>タイショウク</t>
    </rPh>
    <rPh sb="3" eb="5">
      <t>ヒラオ</t>
    </rPh>
    <rPh sb="5" eb="8">
      <t>ヨンチョウメ</t>
    </rPh>
    <phoneticPr fontId="3"/>
  </si>
  <si>
    <t>セガミ薬局　大正店</t>
    <rPh sb="3" eb="5">
      <t>ヤッキョク</t>
    </rPh>
    <rPh sb="6" eb="8">
      <t>タイショウ</t>
    </rPh>
    <rPh sb="8" eb="9">
      <t>テン</t>
    </rPh>
    <phoneticPr fontId="3"/>
  </si>
  <si>
    <t>大正区三軒家東五丁目５－２１</t>
    <rPh sb="0" eb="3">
      <t>タイショウク</t>
    </rPh>
    <rPh sb="3" eb="6">
      <t>サンゲンヤ</t>
    </rPh>
    <rPh sb="6" eb="7">
      <t>ヒガシ</t>
    </rPh>
    <rPh sb="7" eb="10">
      <t>ゴチョウメ</t>
    </rPh>
    <phoneticPr fontId="3"/>
  </si>
  <si>
    <t>トヨダ薬局</t>
    <rPh sb="3" eb="5">
      <t>ヤッキョク</t>
    </rPh>
    <phoneticPr fontId="3"/>
  </si>
  <si>
    <t>大正区泉尾一丁目７－６</t>
    <rPh sb="5" eb="6">
      <t>１</t>
    </rPh>
    <rPh sb="6" eb="8">
      <t>チョウメ</t>
    </rPh>
    <phoneticPr fontId="8"/>
  </si>
  <si>
    <t>大正区北村二丁目１４－２４</t>
    <rPh sb="0" eb="3">
      <t>タイショウク</t>
    </rPh>
    <rPh sb="3" eb="4">
      <t>キタ</t>
    </rPh>
    <rPh sb="4" eb="5">
      <t>ムラ</t>
    </rPh>
    <rPh sb="5" eb="8">
      <t>ニチョウメ</t>
    </rPh>
    <phoneticPr fontId="3"/>
  </si>
  <si>
    <t>木田薬局</t>
    <rPh sb="0" eb="2">
      <t>キダ</t>
    </rPh>
    <rPh sb="2" eb="4">
      <t>ヤッキョク</t>
    </rPh>
    <phoneticPr fontId="3"/>
  </si>
  <si>
    <t>大正区三軒家西二丁目２０－１０</t>
    <rPh sb="0" eb="3">
      <t>タイショウク</t>
    </rPh>
    <rPh sb="3" eb="7">
      <t>サンゲンヤニシ</t>
    </rPh>
    <rPh sb="7" eb="10">
      <t>ニチョウメ</t>
    </rPh>
    <phoneticPr fontId="3"/>
  </si>
  <si>
    <t>カネシロ薬局</t>
    <rPh sb="4" eb="6">
      <t>ヤッキョク</t>
    </rPh>
    <phoneticPr fontId="3"/>
  </si>
  <si>
    <t>大正区平尾四丁目２０－１４</t>
    <rPh sb="0" eb="3">
      <t>タイショウク</t>
    </rPh>
    <rPh sb="3" eb="5">
      <t>ヒラオ</t>
    </rPh>
    <rPh sb="5" eb="8">
      <t>ヨンチョウメ</t>
    </rPh>
    <phoneticPr fontId="3"/>
  </si>
  <si>
    <t>大正区三軒家東四丁目５－１２</t>
    <rPh sb="7" eb="10">
      <t>ヨンチョウメ</t>
    </rPh>
    <phoneticPr fontId="3"/>
  </si>
  <si>
    <t>ふれあい薬局</t>
    <rPh sb="4" eb="6">
      <t>ヤッキョク</t>
    </rPh>
    <phoneticPr fontId="3"/>
  </si>
  <si>
    <t>大正区千島三丁目２０－１１</t>
    <rPh sb="0" eb="3">
      <t>タイショウク</t>
    </rPh>
    <rPh sb="3" eb="5">
      <t>チシマ</t>
    </rPh>
    <rPh sb="5" eb="8">
      <t>サンチョウメ</t>
    </rPh>
    <phoneticPr fontId="3"/>
  </si>
  <si>
    <t>あい薬局</t>
    <rPh sb="2" eb="4">
      <t>ヤッキョク</t>
    </rPh>
    <phoneticPr fontId="3"/>
  </si>
  <si>
    <t>大正区平尾四丁目２２－１２　
福本ビル　１階</t>
    <rPh sb="0" eb="3">
      <t>タイショウク</t>
    </rPh>
    <rPh sb="3" eb="5">
      <t>ヒラオ</t>
    </rPh>
    <rPh sb="5" eb="8">
      <t>ヨンチョウメ</t>
    </rPh>
    <rPh sb="15" eb="17">
      <t>フクモト</t>
    </rPh>
    <rPh sb="21" eb="22">
      <t>カイ</t>
    </rPh>
    <phoneticPr fontId="3"/>
  </si>
  <si>
    <t>オレンジ薬局　大正店</t>
    <rPh sb="4" eb="6">
      <t>ヤッキョク</t>
    </rPh>
    <rPh sb="7" eb="10">
      <t>タイショウテン</t>
    </rPh>
    <phoneticPr fontId="3"/>
  </si>
  <si>
    <t>大正区千島三丁目１４－２３　
ベルメゾンイトウ　１階</t>
    <rPh sb="0" eb="3">
      <t>タイショウク</t>
    </rPh>
    <rPh sb="3" eb="5">
      <t>チシマ</t>
    </rPh>
    <rPh sb="5" eb="8">
      <t>サンチョウメ</t>
    </rPh>
    <rPh sb="25" eb="26">
      <t>カイ</t>
    </rPh>
    <phoneticPr fontId="3"/>
  </si>
  <si>
    <t>撫子平尾薬局</t>
    <rPh sb="0" eb="2">
      <t>ナデシコ</t>
    </rPh>
    <rPh sb="2" eb="4">
      <t>ヒラオ</t>
    </rPh>
    <rPh sb="4" eb="6">
      <t>ヤッキョク</t>
    </rPh>
    <phoneticPr fontId="3"/>
  </si>
  <si>
    <t>大正区平尾三丁目２２－３　
１階</t>
    <rPh sb="0" eb="3">
      <t>タイショウク</t>
    </rPh>
    <rPh sb="3" eb="5">
      <t>ヒラオ</t>
    </rPh>
    <rPh sb="5" eb="8">
      <t>サンチョウメ</t>
    </rPh>
    <rPh sb="15" eb="16">
      <t>カイ</t>
    </rPh>
    <phoneticPr fontId="3"/>
  </si>
  <si>
    <t>ヒノデ薬局</t>
    <rPh sb="3" eb="5">
      <t>ヤッキョク</t>
    </rPh>
    <phoneticPr fontId="3"/>
  </si>
  <si>
    <t>大正区三軒家東六丁目８－１１　
真野ビル　１階</t>
    <rPh sb="0" eb="3">
      <t>タイショウク</t>
    </rPh>
    <rPh sb="3" eb="6">
      <t>サンゲンヤ</t>
    </rPh>
    <rPh sb="6" eb="7">
      <t>ヒガシ</t>
    </rPh>
    <rPh sb="7" eb="10">
      <t>ロクチョウメ</t>
    </rPh>
    <rPh sb="16" eb="18">
      <t>マノ</t>
    </rPh>
    <rPh sb="22" eb="23">
      <t>カイ</t>
    </rPh>
    <phoneticPr fontId="3"/>
  </si>
  <si>
    <t>なかずみ薬局</t>
    <rPh sb="4" eb="6">
      <t>ヤッキョク</t>
    </rPh>
    <phoneticPr fontId="3"/>
  </si>
  <si>
    <t>大正区南恩加島三丁目７－１２</t>
    <rPh sb="0" eb="3">
      <t>タイショウク</t>
    </rPh>
    <rPh sb="3" eb="4">
      <t>ミナミ</t>
    </rPh>
    <rPh sb="4" eb="5">
      <t>オン</t>
    </rPh>
    <rPh sb="5" eb="6">
      <t>カ</t>
    </rPh>
    <rPh sb="6" eb="7">
      <t>シマ</t>
    </rPh>
    <rPh sb="7" eb="10">
      <t>３チョウメ</t>
    </rPh>
    <phoneticPr fontId="3"/>
  </si>
  <si>
    <t>コトブキグループ　エビス薬局</t>
    <rPh sb="12" eb="14">
      <t>ヤッキョク</t>
    </rPh>
    <phoneticPr fontId="3"/>
  </si>
  <si>
    <t>大正区泉尾一丁目２４－６ 
１階</t>
    <rPh sb="0" eb="3">
      <t>タイショウク</t>
    </rPh>
    <rPh sb="3" eb="5">
      <t>イズオ</t>
    </rPh>
    <rPh sb="5" eb="8">
      <t>イッチョウメ</t>
    </rPh>
    <rPh sb="15" eb="16">
      <t>カイ</t>
    </rPh>
    <phoneticPr fontId="3"/>
  </si>
  <si>
    <t>コトブキ薬局　永楽橋店</t>
    <rPh sb="4" eb="6">
      <t>ヤッキョク</t>
    </rPh>
    <rPh sb="7" eb="9">
      <t>エイラク</t>
    </rPh>
    <rPh sb="9" eb="10">
      <t>バシ</t>
    </rPh>
    <rPh sb="10" eb="11">
      <t>テン</t>
    </rPh>
    <phoneticPr fontId="3"/>
  </si>
  <si>
    <t>大正区泉尾三丁目４－１０　
ＨＩＴＯＭＩビル　１階</t>
    <rPh sb="0" eb="3">
      <t>タイショウク</t>
    </rPh>
    <rPh sb="3" eb="5">
      <t>イズオ</t>
    </rPh>
    <rPh sb="5" eb="8">
      <t>３チョウメ</t>
    </rPh>
    <rPh sb="24" eb="25">
      <t>カイ</t>
    </rPh>
    <phoneticPr fontId="3"/>
  </si>
  <si>
    <t>コトブキ薬局　泉尾店　</t>
    <rPh sb="4" eb="6">
      <t>ヤッキョク</t>
    </rPh>
    <rPh sb="7" eb="9">
      <t>イズオ</t>
    </rPh>
    <rPh sb="9" eb="10">
      <t>テン</t>
    </rPh>
    <phoneticPr fontId="3"/>
  </si>
  <si>
    <t>大正区泉尾四丁目１７－１２－１０３Ａ　
東洋プラザ泉尾</t>
    <rPh sb="0" eb="3">
      <t>タイショウク</t>
    </rPh>
    <rPh sb="3" eb="5">
      <t>イズオ</t>
    </rPh>
    <rPh sb="5" eb="8">
      <t>ヨンチョウメ</t>
    </rPh>
    <rPh sb="20" eb="22">
      <t>トウヨウ</t>
    </rPh>
    <rPh sb="25" eb="27">
      <t>イズオ</t>
    </rPh>
    <phoneticPr fontId="3"/>
  </si>
  <si>
    <t>スギ薬局　千島店</t>
    <rPh sb="2" eb="4">
      <t>ヤッキョク</t>
    </rPh>
    <rPh sb="5" eb="7">
      <t>チシマ</t>
    </rPh>
    <rPh sb="7" eb="8">
      <t>テン</t>
    </rPh>
    <phoneticPr fontId="3"/>
  </si>
  <si>
    <t>大正区千島三丁目４－２　
ＣＯＺＹ ＣＨＩＳＨＩＭＡ　１階</t>
    <rPh sb="0" eb="3">
      <t>タイショウク</t>
    </rPh>
    <rPh sb="3" eb="5">
      <t>チシマ</t>
    </rPh>
    <rPh sb="5" eb="8">
      <t>サンチョウメ</t>
    </rPh>
    <rPh sb="28" eb="29">
      <t>カイ</t>
    </rPh>
    <phoneticPr fontId="3"/>
  </si>
  <si>
    <t>大正区千島一丁目１８－８　
１階</t>
    <rPh sb="0" eb="3">
      <t>タイショウク</t>
    </rPh>
    <rPh sb="3" eb="5">
      <t>チシマ</t>
    </rPh>
    <rPh sb="5" eb="8">
      <t>イッチョウメ</t>
    </rPh>
    <rPh sb="15" eb="16">
      <t>カイ</t>
    </rPh>
    <phoneticPr fontId="3"/>
  </si>
  <si>
    <t>2701267</t>
  </si>
  <si>
    <t>大正区千島二丁目４－４－Ｃ１</t>
    <rPh sb="0" eb="3">
      <t>タイショウク</t>
    </rPh>
    <rPh sb="3" eb="5">
      <t>チシマ</t>
    </rPh>
    <rPh sb="5" eb="8">
      <t>ニチョウメ</t>
    </rPh>
    <phoneticPr fontId="3"/>
  </si>
  <si>
    <t>2701275</t>
  </si>
  <si>
    <t>大正共栄薬局</t>
    <rPh sb="0" eb="2">
      <t>タイショウ</t>
    </rPh>
    <rPh sb="2" eb="4">
      <t>キョウエイ</t>
    </rPh>
    <rPh sb="4" eb="6">
      <t>ヤッキョク</t>
    </rPh>
    <phoneticPr fontId="3"/>
  </si>
  <si>
    <t>大正区三軒家東五丁目５－２０　１階</t>
    <rPh sb="0" eb="3">
      <t>タイショウク</t>
    </rPh>
    <rPh sb="3" eb="7">
      <t>サンゲンヤヒガシ</t>
    </rPh>
    <rPh sb="7" eb="10">
      <t>ゴチョウメ</t>
    </rPh>
    <rPh sb="16" eb="17">
      <t>カイ</t>
    </rPh>
    <phoneticPr fontId="3"/>
  </si>
  <si>
    <t>2701283</t>
  </si>
  <si>
    <t>コトブキグループ　パール薬局</t>
    <rPh sb="12" eb="14">
      <t>ヤッキョク</t>
    </rPh>
    <phoneticPr fontId="3"/>
  </si>
  <si>
    <t>大正区三軒家東四丁目１６－１８－１０２　
大忠ビル　</t>
    <rPh sb="0" eb="3">
      <t>タイショウク</t>
    </rPh>
    <rPh sb="3" eb="7">
      <t>サンゲンヤヒガシ</t>
    </rPh>
    <rPh sb="7" eb="10">
      <t>ヨンチョウメ</t>
    </rPh>
    <rPh sb="21" eb="22">
      <t>ダイ</t>
    </rPh>
    <rPh sb="22" eb="23">
      <t>チュウ</t>
    </rPh>
    <phoneticPr fontId="3"/>
  </si>
  <si>
    <t>2701291</t>
  </si>
  <si>
    <t>コトブキグループ　ローズ薬局</t>
    <rPh sb="12" eb="14">
      <t>ヤッキョク</t>
    </rPh>
    <phoneticPr fontId="3"/>
  </si>
  <si>
    <t>大正区三軒家西二丁目１８－５　
邦明会ビル　１階</t>
    <rPh sb="0" eb="3">
      <t>タイショウク</t>
    </rPh>
    <rPh sb="3" eb="7">
      <t>サンゲンヤニシ</t>
    </rPh>
    <rPh sb="7" eb="10">
      <t>ニチョウメ</t>
    </rPh>
    <rPh sb="16" eb="17">
      <t>クニ</t>
    </rPh>
    <rPh sb="17" eb="18">
      <t>メイ</t>
    </rPh>
    <rPh sb="18" eb="19">
      <t>カイ</t>
    </rPh>
    <rPh sb="23" eb="24">
      <t>カイ</t>
    </rPh>
    <phoneticPr fontId="3"/>
  </si>
  <si>
    <t>天王寺区</t>
    <rPh sb="0" eb="4">
      <t>テンノウジク</t>
    </rPh>
    <phoneticPr fontId="3"/>
  </si>
  <si>
    <t>合名会社岡弥三薬局</t>
    <rPh sb="0" eb="2">
      <t>ゴウメイ</t>
    </rPh>
    <rPh sb="2" eb="4">
      <t>ガイシャ</t>
    </rPh>
    <rPh sb="4" eb="5">
      <t>オカ</t>
    </rPh>
    <rPh sb="5" eb="6">
      <t>ヤ</t>
    </rPh>
    <rPh sb="6" eb="7">
      <t>サン</t>
    </rPh>
    <rPh sb="7" eb="9">
      <t>ヤッキョク</t>
    </rPh>
    <phoneticPr fontId="3"/>
  </si>
  <si>
    <t>天王寺区堀越町１３－１５</t>
    <rPh sb="0" eb="4">
      <t>テンノウジク</t>
    </rPh>
    <rPh sb="4" eb="6">
      <t>ホリコシ</t>
    </rPh>
    <rPh sb="6" eb="7">
      <t>チョウ</t>
    </rPh>
    <phoneticPr fontId="3"/>
  </si>
  <si>
    <t>山田薬局</t>
    <rPh sb="0" eb="2">
      <t>ヤマダ</t>
    </rPh>
    <rPh sb="2" eb="4">
      <t>ヤッキョク</t>
    </rPh>
    <phoneticPr fontId="3"/>
  </si>
  <si>
    <t>天王寺区勝山二丁目８－１</t>
    <rPh sb="0" eb="3">
      <t>テンノウジ</t>
    </rPh>
    <rPh sb="3" eb="4">
      <t>ク</t>
    </rPh>
    <rPh sb="4" eb="6">
      <t>カツヤマ</t>
    </rPh>
    <rPh sb="6" eb="9">
      <t>ニチョウメ</t>
    </rPh>
    <phoneticPr fontId="3"/>
  </si>
  <si>
    <t>田中薬局</t>
    <rPh sb="0" eb="2">
      <t>タナカ</t>
    </rPh>
    <rPh sb="2" eb="4">
      <t>ヤッキョク</t>
    </rPh>
    <phoneticPr fontId="3"/>
  </si>
  <si>
    <t>天王寺区上汐三丁目４－１５</t>
    <rPh sb="0" eb="4">
      <t>テンノウジク</t>
    </rPh>
    <rPh sb="4" eb="6">
      <t>ウエシオ</t>
    </rPh>
    <rPh sb="6" eb="9">
      <t>サンチョウメ</t>
    </rPh>
    <phoneticPr fontId="3"/>
  </si>
  <si>
    <t>上六薬局</t>
    <rPh sb="0" eb="1">
      <t>ウエ</t>
    </rPh>
    <rPh sb="1" eb="2">
      <t>ロク</t>
    </rPh>
    <rPh sb="2" eb="4">
      <t>ヤッキョク</t>
    </rPh>
    <phoneticPr fontId="3"/>
  </si>
  <si>
    <t>天王寺区石ヶ辻町６－１３－１０４　
ライオンズマンション</t>
    <rPh sb="0" eb="4">
      <t>テンノウジク</t>
    </rPh>
    <rPh sb="4" eb="5">
      <t>イシ</t>
    </rPh>
    <rPh sb="6" eb="7">
      <t>ツジ</t>
    </rPh>
    <rPh sb="7" eb="8">
      <t>チョウ</t>
    </rPh>
    <phoneticPr fontId="3"/>
  </si>
  <si>
    <t>桃谷薬局</t>
    <rPh sb="0" eb="2">
      <t>モモタニ</t>
    </rPh>
    <rPh sb="2" eb="4">
      <t>ヤッキョク</t>
    </rPh>
    <phoneticPr fontId="3"/>
  </si>
  <si>
    <t>天王寺区真法院町６－１１</t>
    <rPh sb="0" eb="4">
      <t>テンノウジク</t>
    </rPh>
    <rPh sb="4" eb="5">
      <t>シン</t>
    </rPh>
    <rPh sb="5" eb="6">
      <t>ホウ</t>
    </rPh>
    <rPh sb="6" eb="7">
      <t>イン</t>
    </rPh>
    <rPh sb="7" eb="8">
      <t>チョウ</t>
    </rPh>
    <phoneticPr fontId="3"/>
  </si>
  <si>
    <t>ダイマツ薬局</t>
    <rPh sb="4" eb="6">
      <t>ヤッキョク</t>
    </rPh>
    <phoneticPr fontId="3"/>
  </si>
  <si>
    <t>天王寺区勝山三丁目１－１</t>
    <rPh sb="0" eb="4">
      <t>テンノウジク</t>
    </rPh>
    <rPh sb="4" eb="6">
      <t>カツヤマ</t>
    </rPh>
    <rPh sb="6" eb="9">
      <t>サンチョウメ</t>
    </rPh>
    <phoneticPr fontId="3"/>
  </si>
  <si>
    <t>イズミ薬局　谷九店</t>
    <rPh sb="3" eb="5">
      <t>ヤッキョク</t>
    </rPh>
    <rPh sb="6" eb="7">
      <t>タニ</t>
    </rPh>
    <rPh sb="7" eb="8">
      <t>キュウ</t>
    </rPh>
    <rPh sb="8" eb="9">
      <t>テン</t>
    </rPh>
    <phoneticPr fontId="3"/>
  </si>
  <si>
    <t>天王寺区生玉町２－３　
小出ビル　１階</t>
    <rPh sb="0" eb="4">
      <t>テンノウジク</t>
    </rPh>
    <rPh sb="4" eb="6">
      <t>イクタマ</t>
    </rPh>
    <rPh sb="6" eb="7">
      <t>チョウ</t>
    </rPh>
    <rPh sb="12" eb="14">
      <t>コイデ</t>
    </rPh>
    <rPh sb="18" eb="19">
      <t>カイ</t>
    </rPh>
    <phoneticPr fontId="3"/>
  </si>
  <si>
    <t>ことぶき漢方薬局</t>
    <rPh sb="4" eb="6">
      <t>カンポウ</t>
    </rPh>
    <rPh sb="6" eb="8">
      <t>ヤッキョク</t>
    </rPh>
    <phoneticPr fontId="3"/>
  </si>
  <si>
    <t>天王寺区真法院町７－２８</t>
    <rPh sb="0" eb="4">
      <t>テンノウジク</t>
    </rPh>
    <rPh sb="4" eb="5">
      <t>シン</t>
    </rPh>
    <rPh sb="5" eb="6">
      <t>ホウ</t>
    </rPh>
    <rPh sb="6" eb="7">
      <t>イン</t>
    </rPh>
    <rPh sb="7" eb="8">
      <t>チョウ</t>
    </rPh>
    <phoneticPr fontId="3"/>
  </si>
  <si>
    <t>中尾薬局</t>
    <rPh sb="0" eb="2">
      <t>ナカオ</t>
    </rPh>
    <rPh sb="2" eb="4">
      <t>ヤッキョク</t>
    </rPh>
    <phoneticPr fontId="3"/>
  </si>
  <si>
    <t>天王寺区烏ヶ辻一丁目１－１０</t>
    <rPh sb="0" eb="4">
      <t>テンノウジク</t>
    </rPh>
    <rPh sb="4" eb="7">
      <t>カラスガツジ</t>
    </rPh>
    <rPh sb="7" eb="10">
      <t>イッチョウメ</t>
    </rPh>
    <phoneticPr fontId="3"/>
  </si>
  <si>
    <t>カナリヤ薬局</t>
    <rPh sb="4" eb="6">
      <t>ヤッキョク</t>
    </rPh>
    <phoneticPr fontId="3"/>
  </si>
  <si>
    <t>天王寺区生玉前町３－２５</t>
    <rPh sb="0" eb="4">
      <t>テンノウジク</t>
    </rPh>
    <rPh sb="4" eb="6">
      <t>イクタマ</t>
    </rPh>
    <rPh sb="6" eb="7">
      <t>マエ</t>
    </rPh>
    <rPh sb="7" eb="8">
      <t>チョウ</t>
    </rPh>
    <phoneticPr fontId="3"/>
  </si>
  <si>
    <t>天王寺区烏ヶ辻一丁目３－２４</t>
    <rPh sb="0" eb="4">
      <t>テンノウジク</t>
    </rPh>
    <rPh sb="4" eb="7">
      <t>カラスガツジ</t>
    </rPh>
    <rPh sb="7" eb="10">
      <t>イッチョウメ</t>
    </rPh>
    <phoneticPr fontId="3"/>
  </si>
  <si>
    <t>オリーブ薬局</t>
    <rPh sb="4" eb="6">
      <t>ヤッキョク</t>
    </rPh>
    <phoneticPr fontId="3"/>
  </si>
  <si>
    <t>天王寺区堂ヶ芝二丁目１２－１</t>
    <rPh sb="0" eb="4">
      <t>テンノウジク</t>
    </rPh>
    <rPh sb="4" eb="7">
      <t>ドウガシバ</t>
    </rPh>
    <rPh sb="7" eb="10">
      <t>ニチョウメ</t>
    </rPh>
    <phoneticPr fontId="3"/>
  </si>
  <si>
    <t>テイコクファミリー薬局</t>
    <rPh sb="9" eb="11">
      <t>ヤッキョク</t>
    </rPh>
    <phoneticPr fontId="3"/>
  </si>
  <si>
    <t>天王寺区東高津町１１－７　
上本町ＩBPタワー　１階</t>
    <rPh sb="0" eb="4">
      <t>テンノウジク</t>
    </rPh>
    <rPh sb="4" eb="5">
      <t>ヒガシ</t>
    </rPh>
    <rPh sb="5" eb="7">
      <t>コウヅ</t>
    </rPh>
    <rPh sb="7" eb="8">
      <t>チョウ</t>
    </rPh>
    <rPh sb="14" eb="17">
      <t>ウエホンマチ</t>
    </rPh>
    <rPh sb="25" eb="26">
      <t>カイ</t>
    </rPh>
    <phoneticPr fontId="3"/>
  </si>
  <si>
    <t>阪神調剤薬局　桃谷店</t>
    <rPh sb="0" eb="2">
      <t>ハンシン</t>
    </rPh>
    <rPh sb="2" eb="4">
      <t>チョウザイ</t>
    </rPh>
    <rPh sb="4" eb="6">
      <t>ヤッキョク</t>
    </rPh>
    <rPh sb="7" eb="9">
      <t>モモダニ</t>
    </rPh>
    <rPh sb="9" eb="10">
      <t>テン</t>
    </rPh>
    <phoneticPr fontId="3"/>
  </si>
  <si>
    <t>天王寺区烏ヶ辻一丁目１－１４</t>
    <rPh sb="0" eb="4">
      <t>テンノウジク</t>
    </rPh>
    <rPh sb="4" eb="7">
      <t>カラスガツジ</t>
    </rPh>
    <rPh sb="7" eb="10">
      <t>イッチョウメ</t>
    </rPh>
    <phoneticPr fontId="11"/>
  </si>
  <si>
    <t>たんぽぽ薬局　上本町店</t>
    <rPh sb="4" eb="6">
      <t>ヤッキョク</t>
    </rPh>
    <rPh sb="7" eb="10">
      <t>ウエホンマチ</t>
    </rPh>
    <rPh sb="10" eb="11">
      <t>テン</t>
    </rPh>
    <phoneticPr fontId="3"/>
  </si>
  <si>
    <t>天王寺区筆ヶ崎町２－６０　
ビューアレイ　１階</t>
    <rPh sb="0" eb="4">
      <t>テンノウジク</t>
    </rPh>
    <rPh sb="4" eb="7">
      <t>フデガサキ</t>
    </rPh>
    <rPh sb="7" eb="8">
      <t>マチ</t>
    </rPh>
    <rPh sb="22" eb="23">
      <t>カイ</t>
    </rPh>
    <phoneticPr fontId="3"/>
  </si>
  <si>
    <t>フラワー薬局　桃谷店</t>
    <rPh sb="4" eb="6">
      <t>ヤッキョク</t>
    </rPh>
    <rPh sb="7" eb="8">
      <t>モモ</t>
    </rPh>
    <rPh sb="8" eb="9">
      <t>タニ</t>
    </rPh>
    <rPh sb="9" eb="10">
      <t>テン</t>
    </rPh>
    <phoneticPr fontId="3"/>
  </si>
  <si>
    <t>天王寺区烏ヶ辻二丁目２－３</t>
    <rPh sb="0" eb="4">
      <t>テンノウジク</t>
    </rPh>
    <rPh sb="4" eb="7">
      <t>カラスガツジ</t>
    </rPh>
    <rPh sb="7" eb="10">
      <t>ニチョウメ</t>
    </rPh>
    <phoneticPr fontId="3"/>
  </si>
  <si>
    <t>天王寺区筆ヶ崎町２－６１</t>
    <rPh sb="0" eb="4">
      <t>テンノウジク</t>
    </rPh>
    <rPh sb="4" eb="7">
      <t>フデガサキ</t>
    </rPh>
    <rPh sb="7" eb="8">
      <t>チョウ</t>
    </rPh>
    <phoneticPr fontId="3"/>
  </si>
  <si>
    <t>四天王寺　あすか薬局</t>
    <rPh sb="0" eb="4">
      <t>シテンノウジ</t>
    </rPh>
    <rPh sb="8" eb="10">
      <t>ヤッキョク</t>
    </rPh>
    <phoneticPr fontId="3"/>
  </si>
  <si>
    <t>天王寺区四天王寺一丁目５－４５　
サワビル　１階</t>
    <rPh sb="0" eb="4">
      <t>テンノウジク</t>
    </rPh>
    <rPh sb="4" eb="8">
      <t>シテンノウジ</t>
    </rPh>
    <rPh sb="8" eb="11">
      <t>イッチョウメ</t>
    </rPh>
    <rPh sb="23" eb="24">
      <t>カイ</t>
    </rPh>
    <phoneticPr fontId="3"/>
  </si>
  <si>
    <t>エール薬局</t>
    <rPh sb="3" eb="5">
      <t>ヤッキョク</t>
    </rPh>
    <phoneticPr fontId="3"/>
  </si>
  <si>
    <t>天王寺区寺田町二丁目４－７</t>
    <rPh sb="0" eb="4">
      <t>テンノウジク</t>
    </rPh>
    <rPh sb="4" eb="7">
      <t>テラダチョウ</t>
    </rPh>
    <rPh sb="7" eb="10">
      <t>ニチョウメ</t>
    </rPh>
    <phoneticPr fontId="3"/>
  </si>
  <si>
    <t>丸昌薬局</t>
    <rPh sb="0" eb="1">
      <t>マル</t>
    </rPh>
    <rPh sb="1" eb="2">
      <t>ショウ</t>
    </rPh>
    <rPh sb="2" eb="4">
      <t>ヤッキョク</t>
    </rPh>
    <phoneticPr fontId="3"/>
  </si>
  <si>
    <t>天王寺区味原町１３－１１－２</t>
    <rPh sb="0" eb="4">
      <t>テンノウジク</t>
    </rPh>
    <rPh sb="4" eb="6">
      <t>アジハラ</t>
    </rPh>
    <rPh sb="6" eb="7">
      <t>チョウ</t>
    </rPh>
    <phoneticPr fontId="3"/>
  </si>
  <si>
    <t>天王寺大日薬局</t>
    <rPh sb="0" eb="3">
      <t>テンノウジ</t>
    </rPh>
    <rPh sb="3" eb="5">
      <t>ダイニチ</t>
    </rPh>
    <rPh sb="5" eb="7">
      <t>ヤッキョク</t>
    </rPh>
    <phoneticPr fontId="3"/>
  </si>
  <si>
    <t>天王寺区大道一丁目５－３</t>
    <rPh sb="0" eb="4">
      <t>テンノウジク</t>
    </rPh>
    <rPh sb="4" eb="5">
      <t>ダイ</t>
    </rPh>
    <rPh sb="5" eb="6">
      <t>ミチ</t>
    </rPh>
    <rPh sb="6" eb="9">
      <t>イッチョウメ</t>
    </rPh>
    <phoneticPr fontId="3"/>
  </si>
  <si>
    <t>カワカミ薬局</t>
    <rPh sb="4" eb="6">
      <t>ヤッキョク</t>
    </rPh>
    <phoneticPr fontId="3"/>
  </si>
  <si>
    <t>天王寺区大道三丁目１－２３　
EMA　１階</t>
    <rPh sb="0" eb="4">
      <t>テンノウジク</t>
    </rPh>
    <rPh sb="4" eb="6">
      <t>オオミチ</t>
    </rPh>
    <rPh sb="6" eb="9">
      <t>サンチョウメ</t>
    </rPh>
    <rPh sb="20" eb="21">
      <t>カイ</t>
    </rPh>
    <phoneticPr fontId="3"/>
  </si>
  <si>
    <t>サエラ薬局　上本町店</t>
    <rPh sb="3" eb="5">
      <t>ヤッキョク</t>
    </rPh>
    <rPh sb="6" eb="9">
      <t>ウエホンマチ</t>
    </rPh>
    <rPh sb="9" eb="10">
      <t>テン</t>
    </rPh>
    <phoneticPr fontId="3"/>
  </si>
  <si>
    <t>天王寺区筆ヶ崎町５－５２－２０７　
ウェルライフ上本町</t>
    <rPh sb="0" eb="4">
      <t>テンノウジク</t>
    </rPh>
    <rPh sb="4" eb="7">
      <t>フデガサキ</t>
    </rPh>
    <rPh sb="7" eb="8">
      <t>マチ</t>
    </rPh>
    <rPh sb="24" eb="27">
      <t>ウエホンマチ</t>
    </rPh>
    <phoneticPr fontId="3"/>
  </si>
  <si>
    <t>天王寺区大道三丁目５－１０　
ブルージュ天王寺　１０２</t>
    <rPh sb="0" eb="4">
      <t>テンノウジク</t>
    </rPh>
    <rPh sb="4" eb="6">
      <t>オオミチ</t>
    </rPh>
    <rPh sb="6" eb="9">
      <t>サンチョウメ</t>
    </rPh>
    <rPh sb="20" eb="23">
      <t>テンノウジ</t>
    </rPh>
    <phoneticPr fontId="3"/>
  </si>
  <si>
    <t>さくら薬局　鶴橋店</t>
    <rPh sb="3" eb="5">
      <t>ヤッキョク</t>
    </rPh>
    <rPh sb="6" eb="8">
      <t>ツルハシ</t>
    </rPh>
    <rPh sb="8" eb="9">
      <t>テン</t>
    </rPh>
    <phoneticPr fontId="3"/>
  </si>
  <si>
    <t>天王寺区下味原町１－１６</t>
    <rPh sb="0" eb="4">
      <t>テンノウジク</t>
    </rPh>
    <rPh sb="4" eb="5">
      <t>シタ</t>
    </rPh>
    <rPh sb="5" eb="6">
      <t>アジ</t>
    </rPh>
    <rPh sb="6" eb="7">
      <t>ハラ</t>
    </rPh>
    <rPh sb="7" eb="8">
      <t>チョウ</t>
    </rPh>
    <phoneticPr fontId="3"/>
  </si>
  <si>
    <t>アピス薬局　天王寺店</t>
    <rPh sb="3" eb="5">
      <t>ヤッキョク</t>
    </rPh>
    <rPh sb="6" eb="10">
      <t>テンノウジテン</t>
    </rPh>
    <phoneticPr fontId="3"/>
  </si>
  <si>
    <t>天王寺区堀越町８－１５　
フィレンツェ四天王寺　１階</t>
    <rPh sb="0" eb="4">
      <t>テンノウジク</t>
    </rPh>
    <rPh sb="4" eb="6">
      <t>ホリコシ</t>
    </rPh>
    <rPh sb="6" eb="7">
      <t>チョウ</t>
    </rPh>
    <rPh sb="19" eb="23">
      <t>シテンノウジ</t>
    </rPh>
    <rPh sb="25" eb="26">
      <t>カイ</t>
    </rPh>
    <phoneticPr fontId="3"/>
  </si>
  <si>
    <t>あけぼの薬局　桃谷店</t>
    <rPh sb="4" eb="6">
      <t>ヤッキョク</t>
    </rPh>
    <rPh sb="7" eb="8">
      <t>モモ</t>
    </rPh>
    <rPh sb="8" eb="9">
      <t>タニ</t>
    </rPh>
    <rPh sb="9" eb="10">
      <t>テン</t>
    </rPh>
    <phoneticPr fontId="3"/>
  </si>
  <si>
    <t>天王寺区烏ヶ辻一丁目１－２５</t>
    <rPh sb="0" eb="4">
      <t>テンノウジク</t>
    </rPh>
    <rPh sb="4" eb="5">
      <t>カラス</t>
    </rPh>
    <rPh sb="6" eb="7">
      <t>ツジ</t>
    </rPh>
    <rPh sb="7" eb="10">
      <t>イッチョウメ</t>
    </rPh>
    <phoneticPr fontId="3"/>
  </si>
  <si>
    <t>サエラ薬局　真法院店</t>
    <rPh sb="3" eb="5">
      <t>ヤッキョク</t>
    </rPh>
    <rPh sb="6" eb="7">
      <t>シン</t>
    </rPh>
    <rPh sb="7" eb="8">
      <t>ホウ</t>
    </rPh>
    <rPh sb="8" eb="9">
      <t>イン</t>
    </rPh>
    <rPh sb="9" eb="10">
      <t>テン</t>
    </rPh>
    <phoneticPr fontId="3"/>
  </si>
  <si>
    <t>天王寺区真法院町７－３１</t>
    <rPh sb="0" eb="3">
      <t>テンノウジ</t>
    </rPh>
    <rPh sb="3" eb="4">
      <t>ク</t>
    </rPh>
    <rPh sb="4" eb="5">
      <t>シン</t>
    </rPh>
    <rPh sb="5" eb="6">
      <t>ホウ</t>
    </rPh>
    <rPh sb="6" eb="7">
      <t>イン</t>
    </rPh>
    <rPh sb="7" eb="8">
      <t>チョウ</t>
    </rPh>
    <phoneticPr fontId="3"/>
  </si>
  <si>
    <t>阪神調剤薬局　鶴橋店</t>
    <rPh sb="0" eb="2">
      <t>ハンシン</t>
    </rPh>
    <rPh sb="2" eb="4">
      <t>チョウザイ</t>
    </rPh>
    <rPh sb="4" eb="6">
      <t>ヤッキョク</t>
    </rPh>
    <rPh sb="7" eb="9">
      <t>ツルハシ</t>
    </rPh>
    <rPh sb="9" eb="10">
      <t>ミセ</t>
    </rPh>
    <phoneticPr fontId="3"/>
  </si>
  <si>
    <t>天王寺区筆ヶ崎町４－１２</t>
    <rPh sb="0" eb="4">
      <t>テンノウジク</t>
    </rPh>
    <rPh sb="4" eb="7">
      <t>フデガサキ</t>
    </rPh>
    <rPh sb="7" eb="8">
      <t>マチ</t>
    </rPh>
    <phoneticPr fontId="3"/>
  </si>
  <si>
    <t>リープ薬局　上六店</t>
    <rPh sb="3" eb="5">
      <t>ヤッキョク</t>
    </rPh>
    <rPh sb="6" eb="7">
      <t>ウエ</t>
    </rPh>
    <rPh sb="7" eb="8">
      <t>ロク</t>
    </rPh>
    <rPh sb="8" eb="9">
      <t>テン</t>
    </rPh>
    <phoneticPr fontId="3"/>
  </si>
  <si>
    <t>天王寺区上本町六丁目２－２６
大和上六ビル１階　１０１－２号</t>
    <rPh sb="0" eb="4">
      <t>テンノウジク</t>
    </rPh>
    <rPh sb="4" eb="7">
      <t>ウエホンマチ</t>
    </rPh>
    <rPh sb="7" eb="10">
      <t>ロクチョウメ</t>
    </rPh>
    <rPh sb="15" eb="17">
      <t>ヤマト</t>
    </rPh>
    <rPh sb="17" eb="18">
      <t>ウエ</t>
    </rPh>
    <rPh sb="18" eb="19">
      <t>ロク</t>
    </rPh>
    <rPh sb="22" eb="23">
      <t>カイ</t>
    </rPh>
    <rPh sb="29" eb="30">
      <t>ゴウ</t>
    </rPh>
    <phoneticPr fontId="3"/>
  </si>
  <si>
    <t>おか薬局</t>
    <rPh sb="2" eb="4">
      <t>ヤッキョク</t>
    </rPh>
    <phoneticPr fontId="3"/>
  </si>
  <si>
    <t>天王寺区悲田院町１０－４８　
天王寺ステーションビル内　３階</t>
    <rPh sb="0" eb="4">
      <t>テンノウジク</t>
    </rPh>
    <rPh sb="4" eb="5">
      <t>ヒ</t>
    </rPh>
    <rPh sb="5" eb="6">
      <t>タ</t>
    </rPh>
    <rPh sb="6" eb="7">
      <t>イン</t>
    </rPh>
    <rPh sb="7" eb="8">
      <t>マチ</t>
    </rPh>
    <rPh sb="15" eb="18">
      <t>テンノウジ</t>
    </rPh>
    <rPh sb="26" eb="27">
      <t>ナイ</t>
    </rPh>
    <rPh sb="29" eb="30">
      <t>カイ</t>
    </rPh>
    <phoneticPr fontId="3"/>
  </si>
  <si>
    <t>サポート薬局</t>
    <rPh sb="4" eb="6">
      <t>ヤッキョク</t>
    </rPh>
    <phoneticPr fontId="3"/>
  </si>
  <si>
    <t>天王寺区玉造元町３－９　
八光ビル　１階</t>
    <rPh sb="0" eb="4">
      <t>テンノウジク</t>
    </rPh>
    <rPh sb="4" eb="6">
      <t>タマツクリ</t>
    </rPh>
    <rPh sb="6" eb="8">
      <t>モトマチ</t>
    </rPh>
    <rPh sb="13" eb="14">
      <t>ハッ</t>
    </rPh>
    <rPh sb="14" eb="15">
      <t>ヒカリ</t>
    </rPh>
    <rPh sb="19" eb="20">
      <t>カイ</t>
    </rPh>
    <phoneticPr fontId="3"/>
  </si>
  <si>
    <t>天王寺区</t>
    <rPh sb="3" eb="4">
      <t>ク</t>
    </rPh>
    <phoneticPr fontId="3"/>
  </si>
  <si>
    <t>1701953</t>
  </si>
  <si>
    <t>四天王寺パール薬局</t>
    <rPh sb="0" eb="4">
      <t>シテンノウジ</t>
    </rPh>
    <rPh sb="7" eb="9">
      <t>ヤッキョク</t>
    </rPh>
    <phoneticPr fontId="3"/>
  </si>
  <si>
    <t>543-0074</t>
  </si>
  <si>
    <t>天王寺区六万体町５－１９　
メイプル夕陽丘　１階</t>
    <rPh sb="0" eb="4">
      <t>テンノウジク</t>
    </rPh>
    <rPh sb="4" eb="8">
      <t>ロクマンタイチョウ</t>
    </rPh>
    <rPh sb="18" eb="21">
      <t>ユウヒガオカ</t>
    </rPh>
    <rPh sb="23" eb="24">
      <t>カイ</t>
    </rPh>
    <phoneticPr fontId="3"/>
  </si>
  <si>
    <t>関西調剤薬局</t>
    <rPh sb="0" eb="2">
      <t>カンサイ</t>
    </rPh>
    <rPh sb="2" eb="4">
      <t>チョウザイ</t>
    </rPh>
    <rPh sb="4" eb="6">
      <t>ヤッキョク</t>
    </rPh>
    <phoneticPr fontId="3"/>
  </si>
  <si>
    <t>天王寺区石ヶ辻町１－５</t>
    <rPh sb="0" eb="4">
      <t>テンノウジク</t>
    </rPh>
    <rPh sb="4" eb="8">
      <t>イシガツジチョウ</t>
    </rPh>
    <phoneticPr fontId="3"/>
  </si>
  <si>
    <t>セガミ薬局　上本町店</t>
    <rPh sb="3" eb="5">
      <t>ヤッキョク</t>
    </rPh>
    <rPh sb="6" eb="9">
      <t>ウエホンマチ</t>
    </rPh>
    <rPh sb="9" eb="10">
      <t>テン</t>
    </rPh>
    <phoneticPr fontId="3"/>
  </si>
  <si>
    <t>天王寺区筆ヶ崎町６－３３</t>
    <rPh sb="0" eb="4">
      <t>テンノウジク</t>
    </rPh>
    <rPh sb="4" eb="7">
      <t>フデガサキ</t>
    </rPh>
    <rPh sb="7" eb="8">
      <t>チョウ</t>
    </rPh>
    <phoneticPr fontId="3"/>
  </si>
  <si>
    <t>トーユー薬局</t>
    <rPh sb="4" eb="6">
      <t>ヤッキョク</t>
    </rPh>
    <phoneticPr fontId="3"/>
  </si>
  <si>
    <t>天王寺区味原町１３－８　
サンエイ下味原第１ビル　５０１</t>
    <rPh sb="0" eb="4">
      <t>テンノウジク</t>
    </rPh>
    <rPh sb="4" eb="6">
      <t>アジハラ</t>
    </rPh>
    <rPh sb="6" eb="7">
      <t>マチ</t>
    </rPh>
    <rPh sb="17" eb="18">
      <t>シタ</t>
    </rPh>
    <rPh sb="18" eb="20">
      <t>アジハラ</t>
    </rPh>
    <rPh sb="20" eb="21">
      <t>ダイ</t>
    </rPh>
    <phoneticPr fontId="3"/>
  </si>
  <si>
    <t>日本調剤上本町アイケイ薬局</t>
    <rPh sb="0" eb="2">
      <t>ニホン</t>
    </rPh>
    <rPh sb="2" eb="4">
      <t>チョウザイ</t>
    </rPh>
    <rPh sb="4" eb="7">
      <t>ウエホンマチ</t>
    </rPh>
    <rPh sb="11" eb="13">
      <t>ヤッキョク</t>
    </rPh>
    <phoneticPr fontId="3"/>
  </si>
  <si>
    <t>たつみ薬局　南店</t>
    <rPh sb="3" eb="5">
      <t>ヤッキョク</t>
    </rPh>
    <rPh sb="6" eb="7">
      <t>ミナミ</t>
    </rPh>
    <rPh sb="7" eb="8">
      <t>テン</t>
    </rPh>
    <phoneticPr fontId="3"/>
  </si>
  <si>
    <t>天王寺区上本町六丁目６－２３　
上本町サウスビル　１階</t>
    <rPh sb="0" eb="4">
      <t>テンノウジク</t>
    </rPh>
    <rPh sb="4" eb="7">
      <t>ウエホンマチ</t>
    </rPh>
    <rPh sb="7" eb="8">
      <t>ロク</t>
    </rPh>
    <rPh sb="8" eb="10">
      <t>チョウメ</t>
    </rPh>
    <rPh sb="16" eb="19">
      <t>ウエホンマチ</t>
    </rPh>
    <rPh sb="26" eb="27">
      <t>カイ</t>
    </rPh>
    <phoneticPr fontId="3"/>
  </si>
  <si>
    <t>上六薬局　上本町店</t>
    <rPh sb="0" eb="1">
      <t>ウエ</t>
    </rPh>
    <rPh sb="1" eb="2">
      <t>ロク</t>
    </rPh>
    <rPh sb="2" eb="4">
      <t>ヤッキョク</t>
    </rPh>
    <rPh sb="5" eb="8">
      <t>ウエホンマチ</t>
    </rPh>
    <rPh sb="8" eb="9">
      <t>テン</t>
    </rPh>
    <phoneticPr fontId="3"/>
  </si>
  <si>
    <t>天王寺区石ヶ辻町１５－１５　
上六メディカルビル　１階</t>
    <rPh sb="0" eb="4">
      <t>テンノウジク</t>
    </rPh>
    <rPh sb="4" eb="5">
      <t>イシ</t>
    </rPh>
    <rPh sb="6" eb="7">
      <t>ツジ</t>
    </rPh>
    <rPh sb="7" eb="8">
      <t>チョウ</t>
    </rPh>
    <rPh sb="15" eb="16">
      <t>ウエ</t>
    </rPh>
    <rPh sb="16" eb="17">
      <t>ロク</t>
    </rPh>
    <rPh sb="26" eb="27">
      <t>カイ</t>
    </rPh>
    <phoneticPr fontId="3"/>
  </si>
  <si>
    <t>上本町中央薬局</t>
    <rPh sb="0" eb="3">
      <t>ウエホンマチ</t>
    </rPh>
    <rPh sb="3" eb="5">
      <t>チュウオウ</t>
    </rPh>
    <rPh sb="5" eb="7">
      <t>ヤッキョク</t>
    </rPh>
    <phoneticPr fontId="3"/>
  </si>
  <si>
    <t>天王寺区上本町六丁目３－３１　
うえほんまちハイハイタウン　２２９</t>
    <rPh sb="0" eb="4">
      <t>テンノウジク</t>
    </rPh>
    <rPh sb="4" eb="7">
      <t>ウエホンマチ</t>
    </rPh>
    <rPh sb="7" eb="10">
      <t>ロクチョウメ</t>
    </rPh>
    <phoneticPr fontId="3"/>
  </si>
  <si>
    <t>かしのき薬局　上本町店</t>
    <rPh sb="4" eb="6">
      <t>ヤッキョク</t>
    </rPh>
    <rPh sb="7" eb="10">
      <t>ウエホンマチ</t>
    </rPh>
    <rPh sb="10" eb="11">
      <t>テン</t>
    </rPh>
    <phoneticPr fontId="3"/>
  </si>
  <si>
    <t>天王寺区上本町八丁目２－１　
クライス上本町　１階</t>
    <rPh sb="0" eb="4">
      <t>テンノウジク</t>
    </rPh>
    <rPh sb="4" eb="7">
      <t>ウエホンマチ</t>
    </rPh>
    <rPh sb="7" eb="10">
      <t>ハチチョウメ</t>
    </rPh>
    <rPh sb="19" eb="22">
      <t>ウエホンマチ</t>
    </rPh>
    <rPh sb="24" eb="25">
      <t>カイ</t>
    </rPh>
    <phoneticPr fontId="3"/>
  </si>
  <si>
    <t>桃谷大日薬局</t>
    <rPh sb="0" eb="2">
      <t>モモダニ</t>
    </rPh>
    <rPh sb="2" eb="4">
      <t>ダイニチ</t>
    </rPh>
    <rPh sb="4" eb="6">
      <t>ヤッキョク</t>
    </rPh>
    <phoneticPr fontId="3"/>
  </si>
  <si>
    <t>天王寺区烏ヶ辻二丁目２－６　
エスポワール天王寺 1階</t>
    <rPh sb="0" eb="4">
      <t>テンノウジク</t>
    </rPh>
    <rPh sb="4" eb="7">
      <t>カラスガツジ</t>
    </rPh>
    <rPh sb="7" eb="10">
      <t>２チョウメ</t>
    </rPh>
    <rPh sb="21" eb="24">
      <t>テンノウジ</t>
    </rPh>
    <rPh sb="26" eb="27">
      <t>カイ</t>
    </rPh>
    <phoneticPr fontId="3"/>
  </si>
  <si>
    <t>あだち薬局</t>
    <rPh sb="3" eb="5">
      <t>ヤッキョク</t>
    </rPh>
    <phoneticPr fontId="3"/>
  </si>
  <si>
    <t>天王寺区生玉前町２－９</t>
    <rPh sb="0" eb="4">
      <t>テンノウジク</t>
    </rPh>
    <rPh sb="4" eb="5">
      <t>セイ</t>
    </rPh>
    <rPh sb="5" eb="6">
      <t>タマ</t>
    </rPh>
    <rPh sb="6" eb="7">
      <t>マエ</t>
    </rPh>
    <rPh sb="7" eb="8">
      <t>マチ</t>
    </rPh>
    <phoneticPr fontId="3"/>
  </si>
  <si>
    <t>ミルキー薬局</t>
    <rPh sb="4" eb="6">
      <t>ヤッキョク</t>
    </rPh>
    <phoneticPr fontId="3"/>
  </si>
  <si>
    <t>天王寺区空清町５－１８　
ＭＲＴビル　１階</t>
    <rPh sb="0" eb="4">
      <t>テンノウジク</t>
    </rPh>
    <rPh sb="4" eb="5">
      <t>クウ</t>
    </rPh>
    <rPh sb="5" eb="6">
      <t>キヨ</t>
    </rPh>
    <rPh sb="6" eb="7">
      <t>マチ</t>
    </rPh>
    <rPh sb="20" eb="21">
      <t>カイ</t>
    </rPh>
    <phoneticPr fontId="3"/>
  </si>
  <si>
    <t>天王寺区勝山一丁目６－６　
高津マンション　１階</t>
    <rPh sb="0" eb="4">
      <t>テンノウジク</t>
    </rPh>
    <rPh sb="4" eb="6">
      <t>カツヤマ</t>
    </rPh>
    <rPh sb="6" eb="9">
      <t>イッチョウメ</t>
    </rPh>
    <rPh sb="14" eb="16">
      <t>コウヅ</t>
    </rPh>
    <rPh sb="23" eb="24">
      <t>カイ</t>
    </rPh>
    <phoneticPr fontId="3"/>
  </si>
  <si>
    <t>駅クオール薬局　ＪＲ桃谷店</t>
    <rPh sb="0" eb="1">
      <t>エキ</t>
    </rPh>
    <rPh sb="5" eb="7">
      <t>ヤッキョク</t>
    </rPh>
    <rPh sb="10" eb="13">
      <t>モモダニテン</t>
    </rPh>
    <phoneticPr fontId="3"/>
  </si>
  <si>
    <t>天王寺区堂ヶ芝一丁目８－２７　
ＪＲ桃谷駅構内</t>
    <rPh sb="0" eb="1">
      <t>テン</t>
    </rPh>
    <rPh sb="1" eb="2">
      <t>オウ</t>
    </rPh>
    <rPh sb="2" eb="3">
      <t>ジ</t>
    </rPh>
    <rPh sb="3" eb="4">
      <t>ク</t>
    </rPh>
    <rPh sb="4" eb="7">
      <t>ドウガシバ</t>
    </rPh>
    <rPh sb="7" eb="10">
      <t>イッチョウメ</t>
    </rPh>
    <rPh sb="18" eb="21">
      <t>モモダニエキ</t>
    </rPh>
    <rPh sb="21" eb="23">
      <t>コウナイ</t>
    </rPh>
    <phoneticPr fontId="3"/>
  </si>
  <si>
    <t>1702290</t>
  </si>
  <si>
    <t>三寳薬局</t>
    <rPh sb="0" eb="1">
      <t>サン</t>
    </rPh>
    <rPh sb="1" eb="2">
      <t>ポウ</t>
    </rPh>
    <rPh sb="2" eb="4">
      <t>ヤッキョク</t>
    </rPh>
    <phoneticPr fontId="3"/>
  </si>
  <si>
    <t>天王寺区玉造元町３－９</t>
    <rPh sb="0" eb="1">
      <t>テン</t>
    </rPh>
    <rPh sb="1" eb="2">
      <t>オウ</t>
    </rPh>
    <rPh sb="2" eb="3">
      <t>ジ</t>
    </rPh>
    <rPh sb="3" eb="4">
      <t>ク</t>
    </rPh>
    <rPh sb="4" eb="8">
      <t>タマツクリモトマチ</t>
    </rPh>
    <phoneticPr fontId="3"/>
  </si>
  <si>
    <t>1702308</t>
  </si>
  <si>
    <t>プライム薬局</t>
    <rPh sb="4" eb="6">
      <t>ヤッキョク</t>
    </rPh>
    <phoneticPr fontId="3"/>
  </si>
  <si>
    <t>天王寺区玉造元町２－１９</t>
    <rPh sb="0" eb="4">
      <t>テンノウジク</t>
    </rPh>
    <rPh sb="4" eb="6">
      <t>タマツクリ</t>
    </rPh>
    <rPh sb="6" eb="8">
      <t>モトマチ</t>
    </rPh>
    <phoneticPr fontId="3"/>
  </si>
  <si>
    <t>1702324</t>
  </si>
  <si>
    <t>あさひ薬局</t>
    <rPh sb="3" eb="5">
      <t>ヤッキョク</t>
    </rPh>
    <phoneticPr fontId="3"/>
  </si>
  <si>
    <t>天王寺区真法院町１－１　
真法院町１番ビル　１階</t>
    <rPh sb="0" eb="3">
      <t>テンノウジ</t>
    </rPh>
    <rPh sb="3" eb="4">
      <t>ク</t>
    </rPh>
    <rPh sb="4" eb="8">
      <t>シンポウインチョウ</t>
    </rPh>
    <rPh sb="13" eb="17">
      <t>シンポウインチョウ</t>
    </rPh>
    <rPh sb="18" eb="19">
      <t>バン</t>
    </rPh>
    <rPh sb="23" eb="24">
      <t>カイ</t>
    </rPh>
    <phoneticPr fontId="3"/>
  </si>
  <si>
    <t>1702332</t>
  </si>
  <si>
    <t>天王寺区玉造元町２－２　
田中ビル　１階</t>
    <rPh sb="0" eb="4">
      <t>テンノウジク</t>
    </rPh>
    <rPh sb="4" eb="6">
      <t>タマツクリ</t>
    </rPh>
    <rPh sb="6" eb="8">
      <t>モトマチ</t>
    </rPh>
    <rPh sb="13" eb="15">
      <t>タナカ</t>
    </rPh>
    <rPh sb="19" eb="20">
      <t>カイ</t>
    </rPh>
    <phoneticPr fontId="3"/>
  </si>
  <si>
    <t>浪速区</t>
    <rPh sb="0" eb="3">
      <t>ナニワク</t>
    </rPh>
    <phoneticPr fontId="3"/>
  </si>
  <si>
    <t>小泉薬局</t>
    <rPh sb="0" eb="2">
      <t>コイズミ</t>
    </rPh>
    <rPh sb="2" eb="4">
      <t>ヤッキョク</t>
    </rPh>
    <phoneticPr fontId="3"/>
  </si>
  <si>
    <t>浪速区元町三丁目２－２５</t>
    <rPh sb="0" eb="3">
      <t>ナニワク</t>
    </rPh>
    <rPh sb="3" eb="5">
      <t>モトマチ</t>
    </rPh>
    <rPh sb="5" eb="8">
      <t>サンチョウメ</t>
    </rPh>
    <phoneticPr fontId="3"/>
  </si>
  <si>
    <t>天野薬局</t>
    <rPh sb="0" eb="2">
      <t>アマノ</t>
    </rPh>
    <rPh sb="2" eb="4">
      <t>ヤッキョク</t>
    </rPh>
    <phoneticPr fontId="3"/>
  </si>
  <si>
    <t>浪速区難波中三丁目７－１４</t>
    <rPh sb="0" eb="3">
      <t>ナニワク</t>
    </rPh>
    <rPh sb="3" eb="6">
      <t>ナンバナカ</t>
    </rPh>
    <rPh sb="6" eb="9">
      <t>サンチョウメ</t>
    </rPh>
    <phoneticPr fontId="3"/>
  </si>
  <si>
    <t>セガミ薬局　日本橋店</t>
    <rPh sb="3" eb="5">
      <t>ヤッキョク</t>
    </rPh>
    <rPh sb="6" eb="9">
      <t>ニホンバシ</t>
    </rPh>
    <rPh sb="9" eb="10">
      <t>テン</t>
    </rPh>
    <phoneticPr fontId="3"/>
  </si>
  <si>
    <t>浪速区日本橋東三丁目８－１３</t>
    <rPh sb="0" eb="3">
      <t>ナニワク</t>
    </rPh>
    <rPh sb="3" eb="6">
      <t>ニホンバシ</t>
    </rPh>
    <rPh sb="6" eb="7">
      <t>ヒガシ</t>
    </rPh>
    <rPh sb="7" eb="10">
      <t>サンチョウメ</t>
    </rPh>
    <phoneticPr fontId="3"/>
  </si>
  <si>
    <t>やすらぎ薬局</t>
    <rPh sb="4" eb="6">
      <t>ヤッキョク</t>
    </rPh>
    <phoneticPr fontId="3"/>
  </si>
  <si>
    <t>浪速区敷津西二丁目３－１２</t>
    <rPh sb="0" eb="3">
      <t>ナニワク</t>
    </rPh>
    <rPh sb="3" eb="6">
      <t>シキツニシ</t>
    </rPh>
    <rPh sb="6" eb="7">
      <t>２</t>
    </rPh>
    <rPh sb="7" eb="9">
      <t>チョウメ</t>
    </rPh>
    <phoneticPr fontId="3"/>
  </si>
  <si>
    <t>阪口薬局</t>
    <rPh sb="0" eb="2">
      <t>サカグチ</t>
    </rPh>
    <rPh sb="2" eb="4">
      <t>ヤッキョク</t>
    </rPh>
    <phoneticPr fontId="3"/>
  </si>
  <si>
    <t>浪速区敷津西一丁目１－２９－１００</t>
    <rPh sb="0" eb="3">
      <t>ナニワク</t>
    </rPh>
    <rPh sb="3" eb="6">
      <t>シキツニシ</t>
    </rPh>
    <rPh sb="6" eb="9">
      <t>イッチョウメ</t>
    </rPh>
    <phoneticPr fontId="3"/>
  </si>
  <si>
    <t>あべや薬局</t>
    <rPh sb="3" eb="5">
      <t>ヤッキョク</t>
    </rPh>
    <phoneticPr fontId="3"/>
  </si>
  <si>
    <t>浪速区塩草三丁目４－７</t>
    <rPh sb="0" eb="3">
      <t>ナニワク</t>
    </rPh>
    <rPh sb="3" eb="5">
      <t>シオクサ</t>
    </rPh>
    <rPh sb="5" eb="8">
      <t>サンチョウメ</t>
    </rPh>
    <phoneticPr fontId="3"/>
  </si>
  <si>
    <t>森薬局</t>
    <rPh sb="0" eb="1">
      <t>モリ</t>
    </rPh>
    <rPh sb="1" eb="3">
      <t>ヤッキョク</t>
    </rPh>
    <phoneticPr fontId="3"/>
  </si>
  <si>
    <t>浪速区日本橋東二丁目１０－１３</t>
    <rPh sb="0" eb="3">
      <t>ナニワク</t>
    </rPh>
    <rPh sb="3" eb="5">
      <t>ニッポン</t>
    </rPh>
    <rPh sb="5" eb="6">
      <t>バシ</t>
    </rPh>
    <rPh sb="6" eb="7">
      <t>ヒガシ</t>
    </rPh>
    <rPh sb="7" eb="10">
      <t>ニチョウメ</t>
    </rPh>
    <phoneticPr fontId="3"/>
  </si>
  <si>
    <t>センター薬局</t>
    <rPh sb="4" eb="6">
      <t>ヤッキョク</t>
    </rPh>
    <phoneticPr fontId="3"/>
  </si>
  <si>
    <t>浪速区浪速西二丁目２－１２</t>
    <rPh sb="0" eb="3">
      <t>ナニワク</t>
    </rPh>
    <rPh sb="3" eb="5">
      <t>ナニワ</t>
    </rPh>
    <rPh sb="5" eb="6">
      <t>ニシ</t>
    </rPh>
    <rPh sb="6" eb="9">
      <t>ニチョウメ</t>
    </rPh>
    <phoneticPr fontId="3"/>
  </si>
  <si>
    <t>エビス薬局</t>
    <rPh sb="3" eb="5">
      <t>ヤッキョク</t>
    </rPh>
    <phoneticPr fontId="3"/>
  </si>
  <si>
    <t>浪速区元町二丁目７－２４</t>
    <rPh sb="0" eb="3">
      <t>ナニワク</t>
    </rPh>
    <rPh sb="3" eb="5">
      <t>モトマチ</t>
    </rPh>
    <rPh sb="5" eb="8">
      <t>ニチョウメ</t>
    </rPh>
    <phoneticPr fontId="3"/>
  </si>
  <si>
    <t>フタツカ薬局　なんばパークス</t>
    <rPh sb="4" eb="6">
      <t>ヤッキョク</t>
    </rPh>
    <phoneticPr fontId="3"/>
  </si>
  <si>
    <t>浪速区難波中二丁目１０－７０　
なんばパークス　２階</t>
    <rPh sb="0" eb="2">
      <t>ナニワ</t>
    </rPh>
    <rPh sb="2" eb="3">
      <t>ク</t>
    </rPh>
    <rPh sb="3" eb="6">
      <t>ナンバナカ</t>
    </rPh>
    <rPh sb="6" eb="9">
      <t>ニチョウメ</t>
    </rPh>
    <rPh sb="25" eb="26">
      <t>カイ</t>
    </rPh>
    <phoneticPr fontId="3"/>
  </si>
  <si>
    <t>共栄薬局</t>
    <rPh sb="0" eb="2">
      <t>キョウエイ</t>
    </rPh>
    <rPh sb="2" eb="4">
      <t>ヤッキョク</t>
    </rPh>
    <phoneticPr fontId="3"/>
  </si>
  <si>
    <t>浪速区稲荷二丁目３－１８</t>
    <rPh sb="0" eb="3">
      <t>ナニワク</t>
    </rPh>
    <rPh sb="3" eb="5">
      <t>イナリ</t>
    </rPh>
    <rPh sb="5" eb="8">
      <t>ニチョウメ</t>
    </rPh>
    <phoneticPr fontId="3"/>
  </si>
  <si>
    <t>常盤漢方薬局</t>
    <rPh sb="0" eb="2">
      <t>トキワ</t>
    </rPh>
    <rPh sb="2" eb="4">
      <t>カンポウ</t>
    </rPh>
    <rPh sb="4" eb="6">
      <t>ヤッキョク</t>
    </rPh>
    <phoneticPr fontId="3"/>
  </si>
  <si>
    <t>浪速区敷津西二丁目１－７</t>
    <rPh sb="0" eb="3">
      <t>ナニワク</t>
    </rPh>
    <rPh sb="3" eb="5">
      <t>シキツ</t>
    </rPh>
    <rPh sb="5" eb="6">
      <t>ニシ</t>
    </rPh>
    <rPh sb="6" eb="9">
      <t>ニチョウメ</t>
    </rPh>
    <phoneticPr fontId="3"/>
  </si>
  <si>
    <t>ゆかり薬局</t>
    <rPh sb="3" eb="5">
      <t>ヤッキョク</t>
    </rPh>
    <phoneticPr fontId="3"/>
  </si>
  <si>
    <t>浪速区日本橋五丁目１１－１８</t>
    <rPh sb="0" eb="3">
      <t>ナニワク</t>
    </rPh>
    <rPh sb="3" eb="6">
      <t>ニホンバシ</t>
    </rPh>
    <rPh sb="6" eb="7">
      <t>５</t>
    </rPh>
    <rPh sb="7" eb="9">
      <t>チョウメ</t>
    </rPh>
    <phoneticPr fontId="3"/>
  </si>
  <si>
    <t>浪速区日本橋五丁目１１－１５</t>
    <rPh sb="0" eb="3">
      <t>ナニワク</t>
    </rPh>
    <rPh sb="3" eb="6">
      <t>ニホンバシ</t>
    </rPh>
    <rPh sb="6" eb="9">
      <t>ゴチョウメ</t>
    </rPh>
    <phoneticPr fontId="3"/>
  </si>
  <si>
    <t>セガミ薬局　愛染橋店</t>
    <rPh sb="3" eb="5">
      <t>ヤッキョク</t>
    </rPh>
    <rPh sb="6" eb="8">
      <t>アイゼン</t>
    </rPh>
    <rPh sb="8" eb="9">
      <t>バシ</t>
    </rPh>
    <rPh sb="9" eb="10">
      <t>テン</t>
    </rPh>
    <phoneticPr fontId="3"/>
  </si>
  <si>
    <t>浪速区日本橋五丁目１１－１４</t>
    <rPh sb="0" eb="3">
      <t>ナニワク</t>
    </rPh>
    <rPh sb="3" eb="6">
      <t>ニホンバシ</t>
    </rPh>
    <rPh sb="6" eb="9">
      <t>ゴチョウメ</t>
    </rPh>
    <phoneticPr fontId="3"/>
  </si>
  <si>
    <t>ヨネダ薬局</t>
    <rPh sb="3" eb="5">
      <t>ヤッキョク</t>
    </rPh>
    <phoneticPr fontId="3"/>
  </si>
  <si>
    <t>浪速区恵美須西一丁目２－３</t>
    <rPh sb="0" eb="3">
      <t>ナニワク</t>
    </rPh>
    <rPh sb="3" eb="5">
      <t>エミ</t>
    </rPh>
    <rPh sb="5" eb="6">
      <t>ス</t>
    </rPh>
    <rPh sb="6" eb="7">
      <t>ニシ</t>
    </rPh>
    <rPh sb="7" eb="10">
      <t>イッチョウメ</t>
    </rPh>
    <phoneticPr fontId="3"/>
  </si>
  <si>
    <t>アサヒ薬局</t>
    <rPh sb="3" eb="5">
      <t>ヤッキョク</t>
    </rPh>
    <phoneticPr fontId="3"/>
  </si>
  <si>
    <t>浪速区日本橋五丁目４－１</t>
    <rPh sb="0" eb="3">
      <t>ナニワク</t>
    </rPh>
    <rPh sb="3" eb="6">
      <t>ニホンバシ</t>
    </rPh>
    <rPh sb="6" eb="9">
      <t>ゴチョウメ</t>
    </rPh>
    <phoneticPr fontId="3"/>
  </si>
  <si>
    <t>平和薬局</t>
    <rPh sb="0" eb="2">
      <t>ヘイワ</t>
    </rPh>
    <rPh sb="2" eb="4">
      <t>ヤッキョク</t>
    </rPh>
    <phoneticPr fontId="3"/>
  </si>
  <si>
    <t>浪速区日本橋東三丁目１０－１４</t>
    <rPh sb="0" eb="3">
      <t>ナニワク</t>
    </rPh>
    <rPh sb="3" eb="6">
      <t>ニホンバシ</t>
    </rPh>
    <rPh sb="6" eb="7">
      <t>ヒガシ</t>
    </rPh>
    <rPh sb="7" eb="10">
      <t>サンチョウメ</t>
    </rPh>
    <phoneticPr fontId="3"/>
  </si>
  <si>
    <t>ここみ堂薬局</t>
    <rPh sb="3" eb="4">
      <t>ドウ</t>
    </rPh>
    <rPh sb="4" eb="6">
      <t>ヤッキョク</t>
    </rPh>
    <phoneticPr fontId="3"/>
  </si>
  <si>
    <t>浪速区桜川四丁目１１－１２　
１階</t>
    <rPh sb="0" eb="3">
      <t>ナニワク</t>
    </rPh>
    <rPh sb="3" eb="5">
      <t>サクラガワ</t>
    </rPh>
    <rPh sb="5" eb="8">
      <t>ヨンチョウメ</t>
    </rPh>
    <rPh sb="16" eb="17">
      <t>カイ</t>
    </rPh>
    <phoneticPr fontId="3"/>
  </si>
  <si>
    <t>みなみ薬局</t>
    <rPh sb="3" eb="5">
      <t>ヤッキョク</t>
    </rPh>
    <phoneticPr fontId="3"/>
  </si>
  <si>
    <t>浪速区戎本町一丁目６－２１</t>
    <rPh sb="0" eb="3">
      <t>ナニワク</t>
    </rPh>
    <rPh sb="3" eb="4">
      <t>エビス</t>
    </rPh>
    <rPh sb="4" eb="5">
      <t>モト</t>
    </rPh>
    <rPh sb="5" eb="6">
      <t>チョウ</t>
    </rPh>
    <rPh sb="6" eb="7">
      <t>イチ</t>
    </rPh>
    <rPh sb="7" eb="9">
      <t>チョウメ</t>
    </rPh>
    <phoneticPr fontId="3"/>
  </si>
  <si>
    <t>アピス薬局　難波中店</t>
    <rPh sb="3" eb="5">
      <t>ヤッキョク</t>
    </rPh>
    <rPh sb="6" eb="8">
      <t>ナンバ</t>
    </rPh>
    <rPh sb="8" eb="9">
      <t>ナカ</t>
    </rPh>
    <rPh sb="9" eb="10">
      <t>テン</t>
    </rPh>
    <phoneticPr fontId="3"/>
  </si>
  <si>
    <t>浪速区難波中一丁目１３－３　
新風ビル　１階</t>
    <rPh sb="0" eb="3">
      <t>ナニワク</t>
    </rPh>
    <rPh sb="3" eb="6">
      <t>ナンバナカ</t>
    </rPh>
    <rPh sb="6" eb="9">
      <t>イッチョウメ</t>
    </rPh>
    <rPh sb="15" eb="16">
      <t>シン</t>
    </rPh>
    <rPh sb="16" eb="17">
      <t>フウ</t>
    </rPh>
    <rPh sb="21" eb="22">
      <t>カイ</t>
    </rPh>
    <phoneticPr fontId="3"/>
  </si>
  <si>
    <t>ヨネダ薬局　エビス店</t>
    <rPh sb="3" eb="5">
      <t>ヤッキョク</t>
    </rPh>
    <rPh sb="9" eb="10">
      <t>テン</t>
    </rPh>
    <phoneticPr fontId="3"/>
  </si>
  <si>
    <t>浪速区恵美須西一丁目４－３　
アメニティーハイツ　１階</t>
    <rPh sb="0" eb="3">
      <t>ナニワク</t>
    </rPh>
    <rPh sb="3" eb="7">
      <t>エビスニシ</t>
    </rPh>
    <rPh sb="6" eb="7">
      <t>ニシ</t>
    </rPh>
    <rPh sb="7" eb="10">
      <t>1チョウメ</t>
    </rPh>
    <rPh sb="26" eb="27">
      <t>カイ</t>
    </rPh>
    <phoneticPr fontId="3"/>
  </si>
  <si>
    <t>スギ薬局　通天閣店</t>
    <rPh sb="2" eb="4">
      <t>ヤッキョク</t>
    </rPh>
    <rPh sb="5" eb="8">
      <t>ツウテンカク</t>
    </rPh>
    <rPh sb="8" eb="9">
      <t>テン</t>
    </rPh>
    <phoneticPr fontId="3"/>
  </si>
  <si>
    <t>浪速区恵美須東２－２－１０　
スカイコート恵美須　１階</t>
    <rPh sb="0" eb="3">
      <t>ナニワク</t>
    </rPh>
    <rPh sb="3" eb="4">
      <t>エ</t>
    </rPh>
    <rPh sb="4" eb="5">
      <t>ミ</t>
    </rPh>
    <rPh sb="5" eb="6">
      <t>ス</t>
    </rPh>
    <rPh sb="6" eb="7">
      <t>ヒガシ</t>
    </rPh>
    <rPh sb="21" eb="23">
      <t>エミ</t>
    </rPh>
    <rPh sb="23" eb="24">
      <t>ス</t>
    </rPh>
    <rPh sb="26" eb="27">
      <t>カイ</t>
    </rPh>
    <phoneticPr fontId="3"/>
  </si>
  <si>
    <t>浪速区湊町一丁目２－３　
マルイト難波ビル　３階</t>
    <rPh sb="0" eb="3">
      <t>ナニワク</t>
    </rPh>
    <rPh sb="3" eb="4">
      <t>ミナト</t>
    </rPh>
    <rPh sb="4" eb="5">
      <t>マチ</t>
    </rPh>
    <rPh sb="5" eb="8">
      <t>イッチョウメ</t>
    </rPh>
    <rPh sb="17" eb="19">
      <t>ナンバ</t>
    </rPh>
    <rPh sb="23" eb="24">
      <t>カイ</t>
    </rPh>
    <phoneticPr fontId="3"/>
  </si>
  <si>
    <t>4301223</t>
  </si>
  <si>
    <t>青葉堂薬局</t>
    <rPh sb="0" eb="2">
      <t>アオバ</t>
    </rPh>
    <rPh sb="2" eb="3">
      <t>ドウ</t>
    </rPh>
    <rPh sb="3" eb="5">
      <t>ヤッキョク</t>
    </rPh>
    <phoneticPr fontId="3"/>
  </si>
  <si>
    <t>浪速区元町二丁目３－１９　
ＴＣＡビル　１階</t>
    <rPh sb="0" eb="3">
      <t>ナニワク</t>
    </rPh>
    <rPh sb="3" eb="5">
      <t>モトマチ</t>
    </rPh>
    <rPh sb="5" eb="8">
      <t>ニチョウメ</t>
    </rPh>
    <rPh sb="21" eb="22">
      <t>カイ</t>
    </rPh>
    <phoneticPr fontId="3"/>
  </si>
  <si>
    <t>かるがも薬局　大正橋店</t>
    <rPh sb="4" eb="6">
      <t>ヤッキョク</t>
    </rPh>
    <rPh sb="7" eb="9">
      <t>タイショウ</t>
    </rPh>
    <rPh sb="9" eb="10">
      <t>バシ</t>
    </rPh>
    <rPh sb="10" eb="11">
      <t>テン</t>
    </rPh>
    <phoneticPr fontId="3"/>
  </si>
  <si>
    <t>浪速区幸町三丁目８－１８</t>
    <rPh sb="0" eb="3">
      <t>ナニワク</t>
    </rPh>
    <rPh sb="3" eb="4">
      <t>シアワ</t>
    </rPh>
    <rPh sb="4" eb="5">
      <t>マチ</t>
    </rPh>
    <rPh sb="5" eb="6">
      <t>３</t>
    </rPh>
    <rPh sb="6" eb="8">
      <t>チョウメ</t>
    </rPh>
    <phoneticPr fontId="3"/>
  </si>
  <si>
    <t>オレンジ薬局　湊町店</t>
    <rPh sb="4" eb="6">
      <t>ヤッキョク</t>
    </rPh>
    <rPh sb="7" eb="9">
      <t>ミナトマチ</t>
    </rPh>
    <rPh sb="9" eb="10">
      <t>テン</t>
    </rPh>
    <phoneticPr fontId="3"/>
  </si>
  <si>
    <t>浪速区湊町二丁目１－７　
ルネッサ難波ビル　１階</t>
    <rPh sb="0" eb="3">
      <t>ナニワク</t>
    </rPh>
    <rPh sb="3" eb="5">
      <t>ミナトマチ</t>
    </rPh>
    <rPh sb="5" eb="6">
      <t>２</t>
    </rPh>
    <rPh sb="6" eb="8">
      <t>チョウメ</t>
    </rPh>
    <rPh sb="17" eb="19">
      <t>ナニワ</t>
    </rPh>
    <rPh sb="23" eb="24">
      <t>カイ</t>
    </rPh>
    <phoneticPr fontId="3"/>
  </si>
  <si>
    <t>あおぞら薬局　日本橋店</t>
    <rPh sb="4" eb="6">
      <t>ヤッキョク</t>
    </rPh>
    <rPh sb="7" eb="10">
      <t>ニホンバシ</t>
    </rPh>
    <rPh sb="10" eb="11">
      <t>テン</t>
    </rPh>
    <phoneticPr fontId="3"/>
  </si>
  <si>
    <t>浪速区日本橋五丁目１１－１８　
１階</t>
    <rPh sb="0" eb="3">
      <t>ナニワク</t>
    </rPh>
    <rPh sb="3" eb="6">
      <t>ニホンバシ</t>
    </rPh>
    <rPh sb="6" eb="9">
      <t>ゴチョウメ</t>
    </rPh>
    <rPh sb="17" eb="18">
      <t>カイ</t>
    </rPh>
    <phoneticPr fontId="3"/>
  </si>
  <si>
    <t>ナイス薬局　大国町店</t>
    <rPh sb="3" eb="5">
      <t>ヤッキョク</t>
    </rPh>
    <rPh sb="6" eb="8">
      <t>ダイコク</t>
    </rPh>
    <rPh sb="8" eb="9">
      <t>チョウ</t>
    </rPh>
    <rPh sb="9" eb="10">
      <t>テン</t>
    </rPh>
    <phoneticPr fontId="3"/>
  </si>
  <si>
    <t>浪速区大国一丁目９－７　
生駒屋ビル　１階</t>
    <rPh sb="0" eb="3">
      <t>ナニワク</t>
    </rPh>
    <rPh sb="3" eb="5">
      <t>ダイコク</t>
    </rPh>
    <rPh sb="5" eb="8">
      <t>１チョウメ</t>
    </rPh>
    <rPh sb="13" eb="15">
      <t>イコマ</t>
    </rPh>
    <rPh sb="15" eb="16">
      <t>ヤ</t>
    </rPh>
    <rPh sb="20" eb="21">
      <t>カイ</t>
    </rPh>
    <phoneticPr fontId="3"/>
  </si>
  <si>
    <t>南山堂薬局　大国店</t>
    <rPh sb="0" eb="1">
      <t>ミナミ</t>
    </rPh>
    <rPh sb="1" eb="2">
      <t>ヤマ</t>
    </rPh>
    <rPh sb="2" eb="3">
      <t>ドウ</t>
    </rPh>
    <rPh sb="3" eb="5">
      <t>ヤッキョク</t>
    </rPh>
    <rPh sb="6" eb="8">
      <t>ダイコク</t>
    </rPh>
    <rPh sb="8" eb="9">
      <t>テン</t>
    </rPh>
    <phoneticPr fontId="3"/>
  </si>
  <si>
    <t>浪速区大国一丁目１１－２３</t>
    <rPh sb="0" eb="3">
      <t>ナニワク</t>
    </rPh>
    <rPh sb="3" eb="5">
      <t>ダイコク</t>
    </rPh>
    <rPh sb="5" eb="8">
      <t>イチチョウメ</t>
    </rPh>
    <phoneticPr fontId="3"/>
  </si>
  <si>
    <t>4301363</t>
  </si>
  <si>
    <t>おはな薬局　なにわ店</t>
    <rPh sb="3" eb="5">
      <t>ヤッキョク</t>
    </rPh>
    <rPh sb="9" eb="10">
      <t>ミセ</t>
    </rPh>
    <phoneticPr fontId="3"/>
  </si>
  <si>
    <t>浪速区大国一丁目９－１１　１階</t>
    <rPh sb="0" eb="3">
      <t>ナニワク</t>
    </rPh>
    <rPh sb="3" eb="5">
      <t>ダイコク</t>
    </rPh>
    <rPh sb="5" eb="8">
      <t>イッチョウメ</t>
    </rPh>
    <rPh sb="14" eb="15">
      <t>カイ</t>
    </rPh>
    <phoneticPr fontId="3"/>
  </si>
  <si>
    <t>アニス薬局</t>
    <rPh sb="3" eb="5">
      <t>ヤッキョク</t>
    </rPh>
    <phoneticPr fontId="3"/>
  </si>
  <si>
    <t>浪速区大国一丁目１２－２３　
ライオンズマンション難波南　１階</t>
    <rPh sb="0" eb="2">
      <t>ナニワ</t>
    </rPh>
    <rPh sb="2" eb="3">
      <t>ク</t>
    </rPh>
    <rPh sb="3" eb="4">
      <t>ダイ</t>
    </rPh>
    <rPh sb="4" eb="5">
      <t>クニ</t>
    </rPh>
    <rPh sb="5" eb="8">
      <t>イッチョウメ</t>
    </rPh>
    <rPh sb="25" eb="27">
      <t>ナンバ</t>
    </rPh>
    <rPh sb="27" eb="28">
      <t>ミナミ</t>
    </rPh>
    <rPh sb="30" eb="31">
      <t>カイ</t>
    </rPh>
    <phoneticPr fontId="3"/>
  </si>
  <si>
    <t>オアシス薬局</t>
    <rPh sb="4" eb="6">
      <t>ヤッキョク</t>
    </rPh>
    <phoneticPr fontId="3"/>
  </si>
  <si>
    <t>浪速区難波中二丁目２－１２　
有馬ビル　５階</t>
    <rPh sb="0" eb="3">
      <t>ナニワク</t>
    </rPh>
    <rPh sb="3" eb="6">
      <t>ナンバナカ</t>
    </rPh>
    <rPh sb="6" eb="9">
      <t>ニチョウメ</t>
    </rPh>
    <rPh sb="15" eb="17">
      <t>アリマ</t>
    </rPh>
    <rPh sb="21" eb="22">
      <t>カイ</t>
    </rPh>
    <phoneticPr fontId="3"/>
  </si>
  <si>
    <t>浪速区恵美須町三丁目６－１０　
1階</t>
    <rPh sb="0" eb="3">
      <t>ナニワク</t>
    </rPh>
    <rPh sb="3" eb="6">
      <t>エビス</t>
    </rPh>
    <rPh sb="6" eb="7">
      <t>チョウ</t>
    </rPh>
    <rPh sb="7" eb="10">
      <t>サンチョウメ</t>
    </rPh>
    <rPh sb="17" eb="18">
      <t>カイ</t>
    </rPh>
    <phoneticPr fontId="3"/>
  </si>
  <si>
    <t>浪速区浪速東三丁目９－１　
１階</t>
    <rPh sb="0" eb="3">
      <t>ナニワク</t>
    </rPh>
    <rPh sb="3" eb="5">
      <t>ナニワ</t>
    </rPh>
    <rPh sb="5" eb="6">
      <t>ヒガシ</t>
    </rPh>
    <rPh sb="6" eb="9">
      <t>サンチョウメ</t>
    </rPh>
    <rPh sb="15" eb="16">
      <t>カイ</t>
    </rPh>
    <phoneticPr fontId="3"/>
  </si>
  <si>
    <t>浪速区</t>
    <rPh sb="2" eb="3">
      <t>ク</t>
    </rPh>
    <phoneticPr fontId="3"/>
  </si>
  <si>
    <t>4301454</t>
  </si>
  <si>
    <t>あすか薬局</t>
    <rPh sb="3" eb="5">
      <t>ヤッキョク</t>
    </rPh>
    <phoneticPr fontId="3"/>
  </si>
  <si>
    <t>浪速区恵美須東一丁目７－１２</t>
    <rPh sb="0" eb="3">
      <t>ナニワク</t>
    </rPh>
    <rPh sb="3" eb="6">
      <t>エビス</t>
    </rPh>
    <rPh sb="6" eb="7">
      <t>ヒガシ</t>
    </rPh>
    <rPh sb="7" eb="10">
      <t>イッチョウメ</t>
    </rPh>
    <phoneticPr fontId="3"/>
  </si>
  <si>
    <t>4301462</t>
  </si>
  <si>
    <t>村田調剤薬局　大国町店</t>
    <rPh sb="0" eb="2">
      <t>ムラタ</t>
    </rPh>
    <rPh sb="2" eb="4">
      <t>チョウザイ</t>
    </rPh>
    <rPh sb="4" eb="6">
      <t>ヤッキョク</t>
    </rPh>
    <rPh sb="7" eb="9">
      <t>ダイコク</t>
    </rPh>
    <rPh sb="9" eb="10">
      <t>チョウ</t>
    </rPh>
    <rPh sb="10" eb="11">
      <t>ミセ</t>
    </rPh>
    <phoneticPr fontId="3"/>
  </si>
  <si>
    <t>浪速区敷津西二丁目２－１０　
１階</t>
    <rPh sb="0" eb="3">
      <t>ナニワク</t>
    </rPh>
    <rPh sb="3" eb="6">
      <t>シキツニシ</t>
    </rPh>
    <rPh sb="6" eb="9">
      <t>ニチョウメ</t>
    </rPh>
    <rPh sb="16" eb="17">
      <t>カイ</t>
    </rPh>
    <phoneticPr fontId="3"/>
  </si>
  <si>
    <t>4301470</t>
  </si>
  <si>
    <t>村田調剤薬局　なんばＯＣＡＴ店</t>
    <rPh sb="0" eb="2">
      <t>ムラタ</t>
    </rPh>
    <rPh sb="2" eb="4">
      <t>チョウザイ</t>
    </rPh>
    <rPh sb="4" eb="6">
      <t>ヤッキョク</t>
    </rPh>
    <rPh sb="14" eb="15">
      <t>テン</t>
    </rPh>
    <phoneticPr fontId="3"/>
  </si>
  <si>
    <t>浪速区湊町一丁目４－１　
ＯＣＡＴビル　１階</t>
    <rPh sb="0" eb="3">
      <t>ナニワク</t>
    </rPh>
    <rPh sb="3" eb="5">
      <t>ミナトマチ</t>
    </rPh>
    <rPh sb="5" eb="8">
      <t>イッチョウメ</t>
    </rPh>
    <rPh sb="21" eb="22">
      <t>カイ</t>
    </rPh>
    <phoneticPr fontId="3"/>
  </si>
  <si>
    <t>4301488</t>
  </si>
  <si>
    <t>日本調剤　なんば薬局</t>
    <rPh sb="0" eb="2">
      <t>ニホン</t>
    </rPh>
    <rPh sb="2" eb="4">
      <t>チョウザイ</t>
    </rPh>
    <rPh sb="8" eb="10">
      <t>ヤッキョク</t>
    </rPh>
    <phoneticPr fontId="3"/>
  </si>
  <si>
    <t>浪速区難波中二丁目３－３　
森川医療ビル　１階</t>
    <rPh sb="0" eb="3">
      <t>ナニワク</t>
    </rPh>
    <rPh sb="3" eb="6">
      <t>ナンバナカ</t>
    </rPh>
    <rPh sb="6" eb="9">
      <t>ニチョウメ</t>
    </rPh>
    <rPh sb="14" eb="16">
      <t>モリカワ</t>
    </rPh>
    <rPh sb="16" eb="18">
      <t>イリョウ</t>
    </rPh>
    <rPh sb="22" eb="23">
      <t>カイ</t>
    </rPh>
    <phoneticPr fontId="3"/>
  </si>
  <si>
    <t>4301496</t>
  </si>
  <si>
    <t>ファミリー薬局　なんば店</t>
    <rPh sb="5" eb="7">
      <t>ヤッキョク</t>
    </rPh>
    <rPh sb="11" eb="12">
      <t>テン</t>
    </rPh>
    <phoneticPr fontId="3"/>
  </si>
  <si>
    <t>浪速区桜川一丁目２－６－１０１　
ＺｅｎⅡ</t>
    <rPh sb="0" eb="3">
      <t>ナニワク</t>
    </rPh>
    <rPh sb="3" eb="5">
      <t>サクラガワ</t>
    </rPh>
    <rPh sb="5" eb="8">
      <t>イッチョウメ</t>
    </rPh>
    <phoneticPr fontId="3"/>
  </si>
  <si>
    <t>西淀川区</t>
    <rPh sb="0" eb="4">
      <t>ニシヨドガワク</t>
    </rPh>
    <phoneticPr fontId="3"/>
  </si>
  <si>
    <t>西淀川区佃二丁目２－６０</t>
    <rPh sb="0" eb="4">
      <t>ニシヨドガワク</t>
    </rPh>
    <rPh sb="4" eb="5">
      <t>ツクダ</t>
    </rPh>
    <rPh sb="5" eb="8">
      <t>ニチョウメ</t>
    </rPh>
    <phoneticPr fontId="3"/>
  </si>
  <si>
    <t>西淀川区野里一丁目２８－１２</t>
    <rPh sb="0" eb="4">
      <t>ニシヨドガワク</t>
    </rPh>
    <rPh sb="4" eb="5">
      <t>ノ</t>
    </rPh>
    <rPh sb="5" eb="6">
      <t>ザト</t>
    </rPh>
    <rPh sb="6" eb="9">
      <t>イッチョウメ</t>
    </rPh>
    <phoneticPr fontId="3"/>
  </si>
  <si>
    <t>マミー薬局</t>
    <rPh sb="3" eb="5">
      <t>ヤッキョク</t>
    </rPh>
    <phoneticPr fontId="3"/>
  </si>
  <si>
    <t>西淀川区姫島二丁目１４－６</t>
    <rPh sb="0" eb="4">
      <t>ニシヨドガワク</t>
    </rPh>
    <rPh sb="4" eb="6">
      <t>ヒメシマ</t>
    </rPh>
    <rPh sb="6" eb="9">
      <t>ニチョウメ</t>
    </rPh>
    <phoneticPr fontId="3"/>
  </si>
  <si>
    <t>イナモリ薬局</t>
    <rPh sb="4" eb="6">
      <t>ヤッキョク</t>
    </rPh>
    <phoneticPr fontId="3"/>
  </si>
  <si>
    <t>西淀川区姫里二丁目６－１５</t>
    <rPh sb="0" eb="4">
      <t>ニシヨドガワク</t>
    </rPh>
    <rPh sb="4" eb="6">
      <t>ヒメサト</t>
    </rPh>
    <rPh sb="6" eb="9">
      <t>ニチョウメ</t>
    </rPh>
    <phoneticPr fontId="3"/>
  </si>
  <si>
    <t>マエカワ薬局</t>
    <rPh sb="4" eb="6">
      <t>ヤッキョク</t>
    </rPh>
    <phoneticPr fontId="3"/>
  </si>
  <si>
    <t>西淀川区佃三丁目２－２６　
千船駅前ビル　１階</t>
    <rPh sb="0" eb="4">
      <t>ニシヨドガワク</t>
    </rPh>
    <rPh sb="4" eb="5">
      <t>ツクダ</t>
    </rPh>
    <rPh sb="5" eb="8">
      <t>サンチョウメ</t>
    </rPh>
    <rPh sb="14" eb="15">
      <t>セン</t>
    </rPh>
    <rPh sb="15" eb="16">
      <t>フネ</t>
    </rPh>
    <rPh sb="16" eb="18">
      <t>エキマエ</t>
    </rPh>
    <rPh sb="22" eb="23">
      <t>カイ</t>
    </rPh>
    <phoneticPr fontId="3"/>
  </si>
  <si>
    <t>大和田薬局</t>
    <rPh sb="0" eb="3">
      <t>オオワダ</t>
    </rPh>
    <rPh sb="3" eb="5">
      <t>ヤッキョク</t>
    </rPh>
    <phoneticPr fontId="3"/>
  </si>
  <si>
    <t>西淀川区大和田六丁目４－２２</t>
    <rPh sb="0" eb="4">
      <t>ニシヨドガワク</t>
    </rPh>
    <rPh sb="4" eb="7">
      <t>オオワダ</t>
    </rPh>
    <rPh sb="7" eb="10">
      <t>ロクチョウメ</t>
    </rPh>
    <phoneticPr fontId="3"/>
  </si>
  <si>
    <t>千船ハート薬局</t>
    <rPh sb="0" eb="2">
      <t>チフネ</t>
    </rPh>
    <rPh sb="5" eb="7">
      <t>ヤッキョク</t>
    </rPh>
    <phoneticPr fontId="3"/>
  </si>
  <si>
    <t>西淀川区佃三丁目１０－２</t>
    <rPh sb="0" eb="4">
      <t>ニシヨドガワク</t>
    </rPh>
    <rPh sb="4" eb="5">
      <t>ツクダ</t>
    </rPh>
    <rPh sb="5" eb="8">
      <t>サンチョウメ</t>
    </rPh>
    <phoneticPr fontId="3"/>
  </si>
  <si>
    <t>サエラ薬局　ププル店</t>
    <rPh sb="3" eb="5">
      <t>ヤッキョク</t>
    </rPh>
    <rPh sb="9" eb="10">
      <t>テン</t>
    </rPh>
    <phoneticPr fontId="3"/>
  </si>
  <si>
    <t>西淀川区佃三丁目２－２６</t>
    <rPh sb="0" eb="4">
      <t>ニシヨドガワク</t>
    </rPh>
    <rPh sb="4" eb="5">
      <t>ツクダ</t>
    </rPh>
    <rPh sb="5" eb="8">
      <t>サンチョウメ</t>
    </rPh>
    <phoneticPr fontId="3"/>
  </si>
  <si>
    <t>サエラ薬局　すみれ店</t>
    <rPh sb="3" eb="5">
      <t>ヤッキョク</t>
    </rPh>
    <rPh sb="9" eb="10">
      <t>テン</t>
    </rPh>
    <phoneticPr fontId="3"/>
  </si>
  <si>
    <t>西淀川区佃二丁目２－３３－１０１</t>
    <rPh sb="0" eb="4">
      <t>ニシヨドガワク</t>
    </rPh>
    <rPh sb="4" eb="5">
      <t>ツクダ</t>
    </rPh>
    <rPh sb="5" eb="8">
      <t>ニチョウメ</t>
    </rPh>
    <phoneticPr fontId="3"/>
  </si>
  <si>
    <t>アルバ薬局</t>
    <rPh sb="3" eb="5">
      <t>ヤッキョク</t>
    </rPh>
    <phoneticPr fontId="3"/>
  </si>
  <si>
    <t>西淀川区御幣島四丁目１６－１６</t>
    <rPh sb="0" eb="4">
      <t>ニシヨドガワク</t>
    </rPh>
    <rPh sb="4" eb="7">
      <t>ミテジマ</t>
    </rPh>
    <rPh sb="7" eb="10">
      <t>ヨンチョウメ</t>
    </rPh>
    <phoneticPr fontId="3"/>
  </si>
  <si>
    <t>西淀川区佃二丁目２－３３</t>
    <rPh sb="0" eb="4">
      <t>ニシヨドガワク</t>
    </rPh>
    <rPh sb="4" eb="5">
      <t>ツクダ</t>
    </rPh>
    <rPh sb="5" eb="8">
      <t>ニチョウメ</t>
    </rPh>
    <phoneticPr fontId="3"/>
  </si>
  <si>
    <t>保元堂薬局</t>
    <rPh sb="0" eb="1">
      <t>ホ</t>
    </rPh>
    <rPh sb="1" eb="2">
      <t>モト</t>
    </rPh>
    <rPh sb="2" eb="3">
      <t>ドウ</t>
    </rPh>
    <rPh sb="3" eb="5">
      <t>ヤッキョク</t>
    </rPh>
    <phoneticPr fontId="3"/>
  </si>
  <si>
    <t>西淀川区姫里二丁目１１－５</t>
    <rPh sb="0" eb="4">
      <t>ニシヨドガワク</t>
    </rPh>
    <rPh sb="4" eb="6">
      <t>ヒメサト</t>
    </rPh>
    <rPh sb="6" eb="9">
      <t>ニチョウメ</t>
    </rPh>
    <phoneticPr fontId="3"/>
  </si>
  <si>
    <t>つくし薬局</t>
    <rPh sb="3" eb="5">
      <t>ヤッキョク</t>
    </rPh>
    <phoneticPr fontId="3"/>
  </si>
  <si>
    <t>西淀川区柏里三丁目１－４１</t>
    <rPh sb="0" eb="4">
      <t>ニシヨドガワク</t>
    </rPh>
    <rPh sb="4" eb="5">
      <t>カシワ</t>
    </rPh>
    <rPh sb="5" eb="6">
      <t>サト</t>
    </rPh>
    <rPh sb="6" eb="9">
      <t>サンチョウメ</t>
    </rPh>
    <phoneticPr fontId="3"/>
  </si>
  <si>
    <t>まなび薬局</t>
    <rPh sb="3" eb="5">
      <t>ヤッキョク</t>
    </rPh>
    <phoneticPr fontId="3"/>
  </si>
  <si>
    <t>西淀川区千舟二丁目８－２８</t>
    <rPh sb="0" eb="4">
      <t>ニシヨドガワク</t>
    </rPh>
    <rPh sb="4" eb="5">
      <t>セン</t>
    </rPh>
    <rPh sb="5" eb="6">
      <t>フネ</t>
    </rPh>
    <rPh sb="6" eb="9">
      <t>ニチョウメ</t>
    </rPh>
    <phoneticPr fontId="3"/>
  </si>
  <si>
    <t>山路薬局</t>
    <rPh sb="0" eb="2">
      <t>ヤマジ</t>
    </rPh>
    <rPh sb="2" eb="4">
      <t>ヤッキョク</t>
    </rPh>
    <phoneticPr fontId="3"/>
  </si>
  <si>
    <t>西淀川区御幣島一丁目１８－２０</t>
    <rPh sb="0" eb="4">
      <t>ニシヨドガワク</t>
    </rPh>
    <rPh sb="4" eb="7">
      <t>ミテジマ</t>
    </rPh>
    <rPh sb="7" eb="10">
      <t>イッチョウメ</t>
    </rPh>
    <phoneticPr fontId="3"/>
  </si>
  <si>
    <t>むすび薬局</t>
    <rPh sb="3" eb="5">
      <t>ヤッキョク</t>
    </rPh>
    <phoneticPr fontId="3"/>
  </si>
  <si>
    <t>西淀川区千舟二丁目１５－２</t>
    <rPh sb="0" eb="4">
      <t>ニシヨドガワク</t>
    </rPh>
    <rPh sb="4" eb="5">
      <t>セン</t>
    </rPh>
    <rPh sb="5" eb="6">
      <t>フネ</t>
    </rPh>
    <rPh sb="6" eb="9">
      <t>ニチョウメ</t>
    </rPh>
    <phoneticPr fontId="3"/>
  </si>
  <si>
    <t>パール薬局</t>
    <rPh sb="3" eb="5">
      <t>ヤッキョク</t>
    </rPh>
    <phoneticPr fontId="3"/>
  </si>
  <si>
    <t>西淀川区大野二丁目２－１</t>
    <rPh sb="0" eb="4">
      <t>ニシヨドガワク</t>
    </rPh>
    <rPh sb="4" eb="6">
      <t>オオノ</t>
    </rPh>
    <rPh sb="6" eb="7">
      <t>ニ</t>
    </rPh>
    <rPh sb="7" eb="9">
      <t>チョウメ</t>
    </rPh>
    <phoneticPr fontId="3"/>
  </si>
  <si>
    <t>柏里薬局</t>
    <rPh sb="0" eb="1">
      <t>カシワ</t>
    </rPh>
    <rPh sb="1" eb="2">
      <t>サト</t>
    </rPh>
    <rPh sb="2" eb="4">
      <t>ヤッキョク</t>
    </rPh>
    <phoneticPr fontId="3"/>
  </si>
  <si>
    <t>西淀川区柏里三丁目３－６</t>
    <rPh sb="0" eb="4">
      <t>ニシヨドガワク</t>
    </rPh>
    <rPh sb="4" eb="5">
      <t>カシワ</t>
    </rPh>
    <rPh sb="5" eb="6">
      <t>サト</t>
    </rPh>
    <rPh sb="6" eb="9">
      <t>サンチョウメ</t>
    </rPh>
    <phoneticPr fontId="3"/>
  </si>
  <si>
    <t>スギ薬局　姫島店</t>
    <rPh sb="2" eb="4">
      <t>ヤッキョク</t>
    </rPh>
    <rPh sb="5" eb="7">
      <t>ヒメジマ</t>
    </rPh>
    <rPh sb="7" eb="8">
      <t>テン</t>
    </rPh>
    <phoneticPr fontId="3"/>
  </si>
  <si>
    <t>西淀川区姫島五丁目１６－４７</t>
    <rPh sb="0" eb="4">
      <t>ニシヨドガワク</t>
    </rPh>
    <rPh sb="4" eb="6">
      <t>ヒメジマ</t>
    </rPh>
    <rPh sb="6" eb="9">
      <t>5チョウメ</t>
    </rPh>
    <phoneticPr fontId="3"/>
  </si>
  <si>
    <t>スギ薬局　塚本店</t>
    <rPh sb="2" eb="4">
      <t>ヤッキョク</t>
    </rPh>
    <rPh sb="5" eb="7">
      <t>ツカモト</t>
    </rPh>
    <rPh sb="7" eb="8">
      <t>テン</t>
    </rPh>
    <phoneticPr fontId="3"/>
  </si>
  <si>
    <t>西淀川区柏里二丁目６－１７　
ローズマンション１階</t>
    <rPh sb="0" eb="4">
      <t>ニシヨドガワク</t>
    </rPh>
    <rPh sb="4" eb="5">
      <t>カシワ</t>
    </rPh>
    <rPh sb="5" eb="6">
      <t>サト</t>
    </rPh>
    <rPh sb="6" eb="9">
      <t>ニチョウメ</t>
    </rPh>
    <rPh sb="24" eb="25">
      <t>カイ</t>
    </rPh>
    <phoneticPr fontId="3"/>
  </si>
  <si>
    <t>アイ薬局</t>
    <rPh sb="2" eb="4">
      <t>ヤッキョク</t>
    </rPh>
    <phoneticPr fontId="3"/>
  </si>
  <si>
    <t>西淀川区柏里一丁目１４－１５</t>
    <rPh sb="0" eb="4">
      <t>ニシヨドガワク</t>
    </rPh>
    <rPh sb="4" eb="5">
      <t>カシワ</t>
    </rPh>
    <rPh sb="5" eb="6">
      <t>サト</t>
    </rPh>
    <rPh sb="6" eb="7">
      <t>１</t>
    </rPh>
    <rPh sb="7" eb="9">
      <t>チョウメ</t>
    </rPh>
    <phoneticPr fontId="3"/>
  </si>
  <si>
    <t>なの花薬局　西淀川大野店</t>
    <rPh sb="2" eb="3">
      <t>ハナ</t>
    </rPh>
    <rPh sb="3" eb="5">
      <t>ヤッキョク</t>
    </rPh>
    <rPh sb="6" eb="7">
      <t>ニシ</t>
    </rPh>
    <rPh sb="7" eb="9">
      <t>ヨドガワ</t>
    </rPh>
    <rPh sb="9" eb="11">
      <t>オオノ</t>
    </rPh>
    <rPh sb="11" eb="12">
      <t>テン</t>
    </rPh>
    <phoneticPr fontId="3"/>
  </si>
  <si>
    <t>西淀川区大野二丁目１－４１　
レーベンビル西淀川　１階</t>
    <rPh sb="0" eb="4">
      <t>ニシヨドガワク</t>
    </rPh>
    <rPh sb="4" eb="6">
      <t>オオノ</t>
    </rPh>
    <rPh sb="6" eb="9">
      <t>ニチョウメ</t>
    </rPh>
    <rPh sb="21" eb="24">
      <t>ニシヨドガワ</t>
    </rPh>
    <rPh sb="26" eb="27">
      <t>カイ</t>
    </rPh>
    <phoneticPr fontId="3"/>
  </si>
  <si>
    <t>西淀川区大和田五丁目４－２１</t>
    <rPh sb="0" eb="4">
      <t>ニシヨドガワク</t>
    </rPh>
    <rPh sb="4" eb="7">
      <t>オオワダ</t>
    </rPh>
    <rPh sb="7" eb="10">
      <t>５チョウメ</t>
    </rPh>
    <phoneticPr fontId="3"/>
  </si>
  <si>
    <t>そよかぜ薬局</t>
    <rPh sb="4" eb="6">
      <t>ヤッキョク</t>
    </rPh>
    <phoneticPr fontId="3"/>
  </si>
  <si>
    <t>西淀川区姫島二丁目１０－２５</t>
    <rPh sb="0" eb="4">
      <t>ニシヨドガワク</t>
    </rPh>
    <rPh sb="4" eb="5">
      <t>ヒメ</t>
    </rPh>
    <rPh sb="5" eb="6">
      <t>シマ</t>
    </rPh>
    <rPh sb="6" eb="9">
      <t>ニチョウメ</t>
    </rPh>
    <phoneticPr fontId="3"/>
  </si>
  <si>
    <t>あおぞら薬局</t>
    <rPh sb="4" eb="6">
      <t>ヤッキョク</t>
    </rPh>
    <phoneticPr fontId="3"/>
  </si>
  <si>
    <t>西淀川区野里三丁目６－８</t>
    <rPh sb="0" eb="4">
      <t>ニシヨドガワク</t>
    </rPh>
    <rPh sb="4" eb="5">
      <t>ノ</t>
    </rPh>
    <rPh sb="5" eb="6">
      <t>サト</t>
    </rPh>
    <rPh sb="6" eb="9">
      <t>３チョウメ</t>
    </rPh>
    <phoneticPr fontId="3"/>
  </si>
  <si>
    <t>ひまわり薬局</t>
    <rPh sb="4" eb="6">
      <t>ヤッキョク</t>
    </rPh>
    <phoneticPr fontId="3"/>
  </si>
  <si>
    <t>西淀川区柏里一丁目１４－８　
１階</t>
    <rPh sb="0" eb="4">
      <t>ニシヨドガワク</t>
    </rPh>
    <rPh sb="4" eb="5">
      <t>カシワ</t>
    </rPh>
    <rPh sb="5" eb="6">
      <t>サト</t>
    </rPh>
    <rPh sb="6" eb="9">
      <t>１チョウメ</t>
    </rPh>
    <rPh sb="16" eb="17">
      <t>カイ</t>
    </rPh>
    <phoneticPr fontId="3"/>
  </si>
  <si>
    <t>1001602</t>
  </si>
  <si>
    <t>ウエルシア薬局　西淀川野里店</t>
    <rPh sb="5" eb="7">
      <t>ヤッキョク</t>
    </rPh>
    <rPh sb="8" eb="11">
      <t>ニシヨドガワ</t>
    </rPh>
    <rPh sb="11" eb="13">
      <t>ノザト</t>
    </rPh>
    <rPh sb="13" eb="14">
      <t>テン</t>
    </rPh>
    <phoneticPr fontId="3"/>
  </si>
  <si>
    <t>西淀川区野里一丁目５－５</t>
    <rPh sb="0" eb="4">
      <t>ニシヨドガワク</t>
    </rPh>
    <rPh sb="4" eb="6">
      <t>ノザト</t>
    </rPh>
    <rPh sb="6" eb="9">
      <t>イッチョウメ</t>
    </rPh>
    <phoneticPr fontId="3"/>
  </si>
  <si>
    <t>おはな薬局</t>
    <rPh sb="3" eb="5">
      <t>ヤッキョク</t>
    </rPh>
    <phoneticPr fontId="3"/>
  </si>
  <si>
    <t>西淀川区福町二丁目８－６</t>
    <rPh sb="0" eb="4">
      <t>ニシヨドガワク</t>
    </rPh>
    <rPh sb="4" eb="5">
      <t>フク</t>
    </rPh>
    <rPh sb="5" eb="6">
      <t>マチ</t>
    </rPh>
    <rPh sb="6" eb="9">
      <t>ニチョウメ</t>
    </rPh>
    <phoneticPr fontId="3"/>
  </si>
  <si>
    <t>スギ薬局　福町店</t>
    <rPh sb="2" eb="4">
      <t>ヤッキョク</t>
    </rPh>
    <rPh sb="5" eb="7">
      <t>フクマチ</t>
    </rPh>
    <rPh sb="7" eb="8">
      <t>テン</t>
    </rPh>
    <phoneticPr fontId="3"/>
  </si>
  <si>
    <t>西淀川区福町三丁目１－１６</t>
    <rPh sb="0" eb="4">
      <t>ニシヨドガワク</t>
    </rPh>
    <rPh sb="4" eb="6">
      <t>フクマチ</t>
    </rPh>
    <rPh sb="6" eb="9">
      <t>サンチョウメ</t>
    </rPh>
    <phoneticPr fontId="3"/>
  </si>
  <si>
    <t>西淀川区福町二丁目２１－３</t>
    <rPh sb="0" eb="4">
      <t>ニシヨドガワク</t>
    </rPh>
    <rPh sb="4" eb="6">
      <t>フクマチ</t>
    </rPh>
    <rPh sb="6" eb="9">
      <t>ニチョウメ</t>
    </rPh>
    <phoneticPr fontId="3"/>
  </si>
  <si>
    <t>アイセイ薬局　歌島店</t>
    <rPh sb="4" eb="6">
      <t>ヤッキョク</t>
    </rPh>
    <rPh sb="7" eb="9">
      <t>ウタジマ</t>
    </rPh>
    <rPh sb="9" eb="10">
      <t>テン</t>
    </rPh>
    <phoneticPr fontId="3"/>
  </si>
  <si>
    <t>西淀川区歌島二丁目３－２</t>
    <rPh sb="0" eb="4">
      <t>ニシヨドガワク</t>
    </rPh>
    <rPh sb="4" eb="6">
      <t>ウタジマ</t>
    </rPh>
    <rPh sb="6" eb="9">
      <t>ニチョウメ</t>
    </rPh>
    <phoneticPr fontId="3"/>
  </si>
  <si>
    <t>1001651</t>
  </si>
  <si>
    <t>西淀川区佃三丁目１８－４</t>
    <rPh sb="0" eb="4">
      <t>ニシヨドガワク</t>
    </rPh>
    <rPh sb="4" eb="5">
      <t>ツクダ</t>
    </rPh>
    <rPh sb="5" eb="8">
      <t>サンチョウメ</t>
    </rPh>
    <phoneticPr fontId="3"/>
  </si>
  <si>
    <t>西淀川区</t>
    <rPh sb="3" eb="4">
      <t>ク</t>
    </rPh>
    <phoneticPr fontId="3"/>
  </si>
  <si>
    <t>1001669</t>
  </si>
  <si>
    <t>姫島健民薬局</t>
    <rPh sb="0" eb="2">
      <t>ヒメジマ</t>
    </rPh>
    <rPh sb="2" eb="3">
      <t>ケン</t>
    </rPh>
    <rPh sb="3" eb="4">
      <t>タミ</t>
    </rPh>
    <rPh sb="4" eb="6">
      <t>ヤッキョク</t>
    </rPh>
    <phoneticPr fontId="3"/>
  </si>
  <si>
    <t>西淀川区姫島五丁目１５－９－１０１
アニマート姫島　１階</t>
    <rPh sb="0" eb="4">
      <t>ニシヨドガワク</t>
    </rPh>
    <rPh sb="4" eb="6">
      <t>ヒメジマ</t>
    </rPh>
    <rPh sb="6" eb="9">
      <t>ゴチョウメ</t>
    </rPh>
    <rPh sb="23" eb="25">
      <t>ヒメジマ</t>
    </rPh>
    <rPh sb="27" eb="28">
      <t>カイ</t>
    </rPh>
    <phoneticPr fontId="3"/>
  </si>
  <si>
    <t>1001677</t>
  </si>
  <si>
    <t>ウシオ薬局　福町店</t>
    <rPh sb="3" eb="5">
      <t>ヤッキョク</t>
    </rPh>
    <rPh sb="6" eb="8">
      <t>フクマチ</t>
    </rPh>
    <rPh sb="8" eb="9">
      <t>テン</t>
    </rPh>
    <phoneticPr fontId="3"/>
  </si>
  <si>
    <t>西淀川区福町三丁目２－１５　
イズミヤスーパーセンター福町店</t>
    <rPh sb="0" eb="1">
      <t>ニシ</t>
    </rPh>
    <rPh sb="1" eb="4">
      <t>ヨドガワク</t>
    </rPh>
    <rPh sb="4" eb="6">
      <t>フクマチ</t>
    </rPh>
    <rPh sb="6" eb="9">
      <t>サンチョウメ</t>
    </rPh>
    <rPh sb="27" eb="29">
      <t>フクマチ</t>
    </rPh>
    <rPh sb="29" eb="30">
      <t>ミセ</t>
    </rPh>
    <phoneticPr fontId="3"/>
  </si>
  <si>
    <t>1001685</t>
  </si>
  <si>
    <t>パール薬局　福駅前店</t>
    <rPh sb="3" eb="5">
      <t>ヤッキョク</t>
    </rPh>
    <rPh sb="6" eb="8">
      <t>フクエキ</t>
    </rPh>
    <rPh sb="8" eb="9">
      <t>マエ</t>
    </rPh>
    <rPh sb="9" eb="10">
      <t>テン</t>
    </rPh>
    <phoneticPr fontId="3"/>
  </si>
  <si>
    <t>西淀川区福町二丁目３－２４</t>
    <rPh sb="0" eb="4">
      <t>ニシヨドガワク</t>
    </rPh>
    <rPh sb="4" eb="6">
      <t>フクマチ</t>
    </rPh>
    <rPh sb="6" eb="9">
      <t>ニチョウメ</t>
    </rPh>
    <phoneticPr fontId="3"/>
  </si>
  <si>
    <t>1001719</t>
  </si>
  <si>
    <t>クオレ薬局　千船病院前店</t>
    <rPh sb="3" eb="5">
      <t>ヤッキョク</t>
    </rPh>
    <rPh sb="6" eb="8">
      <t>チフネ</t>
    </rPh>
    <rPh sb="8" eb="10">
      <t>ビョウイン</t>
    </rPh>
    <rPh sb="10" eb="11">
      <t>マエ</t>
    </rPh>
    <rPh sb="11" eb="12">
      <t>テン</t>
    </rPh>
    <phoneticPr fontId="3"/>
  </si>
  <si>
    <t>西淀川区福町三丁目２－５０</t>
    <rPh sb="0" eb="4">
      <t>ニシヨドガワク</t>
    </rPh>
    <rPh sb="4" eb="6">
      <t>フクマチ</t>
    </rPh>
    <rPh sb="6" eb="9">
      <t>サンチョウメ</t>
    </rPh>
    <phoneticPr fontId="3"/>
  </si>
  <si>
    <t>淀川区</t>
    <rPh sb="0" eb="3">
      <t>ヨドガワク</t>
    </rPh>
    <phoneticPr fontId="3"/>
  </si>
  <si>
    <t>タキヤ十三薬局</t>
    <rPh sb="3" eb="5">
      <t>ジュウソウ</t>
    </rPh>
    <rPh sb="5" eb="7">
      <t>ヤッキョク</t>
    </rPh>
    <phoneticPr fontId="3"/>
  </si>
  <si>
    <t>淀川区十三本町一丁目８－１１</t>
    <rPh sb="0" eb="3">
      <t>ヨドガワク</t>
    </rPh>
    <rPh sb="3" eb="7">
      <t>ジュウソウホンマチ</t>
    </rPh>
    <rPh sb="7" eb="10">
      <t>イッチョウメ</t>
    </rPh>
    <phoneticPr fontId="3"/>
  </si>
  <si>
    <t>植野薬局</t>
    <rPh sb="0" eb="2">
      <t>ウエノ</t>
    </rPh>
    <rPh sb="2" eb="4">
      <t>ヤッキョク</t>
    </rPh>
    <phoneticPr fontId="3"/>
  </si>
  <si>
    <t>淀川区新高五丁目３－１２</t>
    <rPh sb="0" eb="3">
      <t>ヨドガワク</t>
    </rPh>
    <rPh sb="3" eb="4">
      <t>シン</t>
    </rPh>
    <rPh sb="4" eb="5">
      <t>タカ</t>
    </rPh>
    <rPh sb="5" eb="8">
      <t>ゴチョウメ</t>
    </rPh>
    <phoneticPr fontId="3"/>
  </si>
  <si>
    <t>福原薬局</t>
    <rPh sb="0" eb="2">
      <t>フクハラ</t>
    </rPh>
    <rPh sb="2" eb="4">
      <t>ヤッキョク</t>
    </rPh>
    <phoneticPr fontId="3"/>
  </si>
  <si>
    <t>淀川区東三国六丁目１－３５－１０３</t>
    <rPh sb="0" eb="3">
      <t>ヨドガワク</t>
    </rPh>
    <rPh sb="3" eb="6">
      <t>ヒガシミクニ</t>
    </rPh>
    <rPh sb="6" eb="9">
      <t>ロクチョウメ</t>
    </rPh>
    <phoneticPr fontId="3"/>
  </si>
  <si>
    <t>みどり薬局</t>
    <rPh sb="3" eb="5">
      <t>ヤッキョク</t>
    </rPh>
    <phoneticPr fontId="3"/>
  </si>
  <si>
    <t>淀川区宮原四丁目４－２－６　
新大阪グランドハイツ　１階</t>
    <rPh sb="0" eb="3">
      <t>ヨドガワク</t>
    </rPh>
    <rPh sb="3" eb="5">
      <t>ミヤハラ</t>
    </rPh>
    <rPh sb="5" eb="8">
      <t>ヨンチョウメ</t>
    </rPh>
    <rPh sb="15" eb="18">
      <t>シンオオサカ</t>
    </rPh>
    <rPh sb="27" eb="28">
      <t>カイ</t>
    </rPh>
    <phoneticPr fontId="3"/>
  </si>
  <si>
    <t>タカス薬局</t>
    <rPh sb="3" eb="5">
      <t>ヤッキョク</t>
    </rPh>
    <phoneticPr fontId="3"/>
  </si>
  <si>
    <t>淀川区西三国一丁目３６－３６</t>
    <rPh sb="0" eb="3">
      <t>ヨドガワク</t>
    </rPh>
    <rPh sb="3" eb="4">
      <t>ニシ</t>
    </rPh>
    <rPh sb="4" eb="6">
      <t>ミクニ</t>
    </rPh>
    <rPh sb="6" eb="9">
      <t>イッチョウメ</t>
    </rPh>
    <phoneticPr fontId="3"/>
  </si>
  <si>
    <t>淀川区塚本二丁目２４－８　
タバタビル　１階</t>
    <rPh sb="0" eb="3">
      <t>ヨドガワク</t>
    </rPh>
    <rPh sb="3" eb="5">
      <t>ツカモト</t>
    </rPh>
    <rPh sb="5" eb="8">
      <t>ニチョウメ</t>
    </rPh>
    <rPh sb="21" eb="22">
      <t>カイ</t>
    </rPh>
    <phoneticPr fontId="3"/>
  </si>
  <si>
    <t>アイアイ薬局</t>
    <rPh sb="4" eb="6">
      <t>ヤッキョク</t>
    </rPh>
    <phoneticPr fontId="3"/>
  </si>
  <si>
    <t>淀川区新高六丁目１２－１０</t>
    <rPh sb="0" eb="3">
      <t>ヨドガワク</t>
    </rPh>
    <rPh sb="3" eb="4">
      <t>シン</t>
    </rPh>
    <rPh sb="4" eb="5">
      <t>タカ</t>
    </rPh>
    <rPh sb="5" eb="8">
      <t>ロクチョウメ</t>
    </rPh>
    <phoneticPr fontId="3"/>
  </si>
  <si>
    <t>ニシイ薬局</t>
    <rPh sb="3" eb="5">
      <t>ヤッキョク</t>
    </rPh>
    <phoneticPr fontId="3"/>
  </si>
  <si>
    <t>淀川区三津屋北一丁目３３－１３</t>
    <rPh sb="0" eb="3">
      <t>ヨドガワク</t>
    </rPh>
    <rPh sb="3" eb="7">
      <t>ミツヤキタ</t>
    </rPh>
    <rPh sb="7" eb="10">
      <t>イッチョウメ</t>
    </rPh>
    <phoneticPr fontId="3"/>
  </si>
  <si>
    <t>淀川区西三国二丁目２－２４　
レジデンス大和２　１階</t>
    <rPh sb="0" eb="3">
      <t>ヨドガワク</t>
    </rPh>
    <rPh sb="3" eb="4">
      <t>ニシ</t>
    </rPh>
    <rPh sb="4" eb="6">
      <t>ミクニ</t>
    </rPh>
    <rPh sb="6" eb="9">
      <t>2チョウメ</t>
    </rPh>
    <rPh sb="20" eb="22">
      <t>ヤマト</t>
    </rPh>
    <rPh sb="25" eb="26">
      <t>カイ</t>
    </rPh>
    <phoneticPr fontId="3"/>
  </si>
  <si>
    <t>はつらつ館薬局</t>
    <rPh sb="4" eb="5">
      <t>カン</t>
    </rPh>
    <rPh sb="5" eb="7">
      <t>ヤッキョク</t>
    </rPh>
    <phoneticPr fontId="3"/>
  </si>
  <si>
    <t>淀川区西三国一丁目７－３８</t>
    <rPh sb="0" eb="3">
      <t>ヨドガワク</t>
    </rPh>
    <rPh sb="3" eb="4">
      <t>ニシ</t>
    </rPh>
    <rPh sb="4" eb="6">
      <t>ミクニ</t>
    </rPh>
    <rPh sb="6" eb="9">
      <t>イッチョウメ</t>
    </rPh>
    <phoneticPr fontId="3"/>
  </si>
  <si>
    <t>淀川区十三東二丁目１０－７</t>
    <rPh sb="0" eb="3">
      <t>ヨドガワク</t>
    </rPh>
    <rPh sb="3" eb="6">
      <t>ジュウソウヒガシ</t>
    </rPh>
    <rPh sb="6" eb="9">
      <t>ニチョウメ</t>
    </rPh>
    <phoneticPr fontId="3"/>
  </si>
  <si>
    <t>あゆみ薬局</t>
    <rPh sb="3" eb="5">
      <t>ヤッキョク</t>
    </rPh>
    <phoneticPr fontId="3"/>
  </si>
  <si>
    <t>淀川区東三国四丁目１－１１</t>
    <rPh sb="0" eb="3">
      <t>ヨドガワク</t>
    </rPh>
    <rPh sb="3" eb="6">
      <t>ヒガシミクニ</t>
    </rPh>
    <rPh sb="6" eb="9">
      <t>ヨンチョウメ</t>
    </rPh>
    <phoneticPr fontId="3"/>
  </si>
  <si>
    <t>淀川区西三国三丁目３－２３　
コスモハイツ三国１０４</t>
    <rPh sb="6" eb="9">
      <t>サンチョウメ</t>
    </rPh>
    <rPh sb="21" eb="23">
      <t>ミクニ</t>
    </rPh>
    <phoneticPr fontId="3"/>
  </si>
  <si>
    <t>いづみ薬局</t>
    <rPh sb="3" eb="5">
      <t>ヤッキョク</t>
    </rPh>
    <phoneticPr fontId="3"/>
  </si>
  <si>
    <t>淀川区東三国一丁目２４－８</t>
    <rPh sb="0" eb="3">
      <t>ヨドガワク</t>
    </rPh>
    <rPh sb="3" eb="6">
      <t>ヒガシミクニ</t>
    </rPh>
    <rPh sb="6" eb="9">
      <t>イッチョウメ</t>
    </rPh>
    <phoneticPr fontId="3"/>
  </si>
  <si>
    <t>トライ薬局</t>
    <rPh sb="3" eb="5">
      <t>ヤッキョク</t>
    </rPh>
    <phoneticPr fontId="3"/>
  </si>
  <si>
    <t>淀川区東三国二丁目３２－１４</t>
    <rPh sb="0" eb="3">
      <t>ヨドガワク</t>
    </rPh>
    <rPh sb="3" eb="4">
      <t>ヒガシ</t>
    </rPh>
    <rPh sb="4" eb="6">
      <t>ミクニ</t>
    </rPh>
    <rPh sb="6" eb="9">
      <t>ニチョウメ</t>
    </rPh>
    <phoneticPr fontId="3"/>
  </si>
  <si>
    <t>セコム薬局</t>
    <rPh sb="3" eb="5">
      <t>ヤッキョク</t>
    </rPh>
    <phoneticPr fontId="3"/>
  </si>
  <si>
    <t>淀川区西宮原一丁目８－２４　
新大阪第３ドイビル　１階</t>
    <rPh sb="0" eb="3">
      <t>ヨドガワク</t>
    </rPh>
    <rPh sb="3" eb="4">
      <t>ニシ</t>
    </rPh>
    <rPh sb="4" eb="6">
      <t>ミヤハラ</t>
    </rPh>
    <rPh sb="6" eb="9">
      <t>イッチョウメ</t>
    </rPh>
    <rPh sb="15" eb="18">
      <t>シンオオサカ</t>
    </rPh>
    <rPh sb="18" eb="19">
      <t>ダイ</t>
    </rPh>
    <rPh sb="26" eb="27">
      <t>カイ</t>
    </rPh>
    <phoneticPr fontId="3"/>
  </si>
  <si>
    <t>ヤマダ薬局</t>
    <rPh sb="3" eb="5">
      <t>ヤッキョク</t>
    </rPh>
    <phoneticPr fontId="3"/>
  </si>
  <si>
    <t>淀川区十三本町一丁目１１－３</t>
    <rPh sb="0" eb="3">
      <t>ヨドガワク</t>
    </rPh>
    <rPh sb="3" eb="7">
      <t>ジュウソウホンマチ</t>
    </rPh>
    <rPh sb="7" eb="10">
      <t>イッチョウメ</t>
    </rPh>
    <phoneticPr fontId="3"/>
  </si>
  <si>
    <t>淀川区野中北二丁目６－１５</t>
    <rPh sb="0" eb="3">
      <t>ヨドガワク</t>
    </rPh>
    <rPh sb="3" eb="6">
      <t>ノナカキタ</t>
    </rPh>
    <rPh sb="6" eb="9">
      <t>ニチョウメ</t>
    </rPh>
    <phoneticPr fontId="3"/>
  </si>
  <si>
    <t>マルゼン薬局　神崎川駅前店</t>
    <rPh sb="7" eb="9">
      <t>カンザキ</t>
    </rPh>
    <rPh sb="9" eb="10">
      <t>ガワ</t>
    </rPh>
    <rPh sb="10" eb="12">
      <t>エキマエ</t>
    </rPh>
    <rPh sb="12" eb="13">
      <t>テン</t>
    </rPh>
    <phoneticPr fontId="3"/>
  </si>
  <si>
    <t>淀川区三津屋北一丁目５－２２　
グラディール三津屋　１階</t>
    <rPh sb="7" eb="10">
      <t>イッチョウメ</t>
    </rPh>
    <rPh sb="22" eb="23">
      <t>サン</t>
    </rPh>
    <rPh sb="23" eb="24">
      <t>ツ</t>
    </rPh>
    <rPh sb="24" eb="25">
      <t>ヤ</t>
    </rPh>
    <phoneticPr fontId="3"/>
  </si>
  <si>
    <t>サンプラザ薬局　新大阪</t>
    <rPh sb="8" eb="11">
      <t>シンオオサカ</t>
    </rPh>
    <phoneticPr fontId="3"/>
  </si>
  <si>
    <t>淀川区西中島六丁目８－９　
花原第一ビル　１０２号</t>
    <rPh sb="6" eb="7">
      <t>６</t>
    </rPh>
    <rPh sb="7" eb="9">
      <t>チョウメ</t>
    </rPh>
    <rPh sb="17" eb="18">
      <t>イチ</t>
    </rPh>
    <phoneticPr fontId="8"/>
  </si>
  <si>
    <t>淀川区西三国二丁目７－５</t>
    <rPh sb="0" eb="3">
      <t>ヨドガワク</t>
    </rPh>
    <rPh sb="3" eb="4">
      <t>ニシ</t>
    </rPh>
    <rPh sb="4" eb="6">
      <t>ミクニ</t>
    </rPh>
    <rPh sb="6" eb="9">
      <t>ニチョウメ</t>
    </rPh>
    <phoneticPr fontId="3"/>
  </si>
  <si>
    <t>セガミ薬局　阪急三国店</t>
    <rPh sb="3" eb="5">
      <t>ヤッキョク</t>
    </rPh>
    <rPh sb="6" eb="8">
      <t>ハンキュウ</t>
    </rPh>
    <rPh sb="8" eb="10">
      <t>ミクニ</t>
    </rPh>
    <rPh sb="10" eb="11">
      <t>テン</t>
    </rPh>
    <phoneticPr fontId="3"/>
  </si>
  <si>
    <t>淀川区三国本町三丁目３７－３５　
ヴュール阪急三国　２階</t>
    <rPh sb="0" eb="3">
      <t>ヨドガワク</t>
    </rPh>
    <rPh sb="3" eb="7">
      <t>ミクニホンマチ</t>
    </rPh>
    <rPh sb="7" eb="10">
      <t>サンチョウメ</t>
    </rPh>
    <rPh sb="21" eb="23">
      <t>ハンキュウ</t>
    </rPh>
    <rPh sb="23" eb="25">
      <t>ミクニ</t>
    </rPh>
    <rPh sb="27" eb="28">
      <t>カイ</t>
    </rPh>
    <phoneticPr fontId="3"/>
  </si>
  <si>
    <t>淀川区東三国二丁目３２－２１－１０６</t>
    <rPh sb="6" eb="9">
      <t>ニチョウメ</t>
    </rPh>
    <phoneticPr fontId="3"/>
  </si>
  <si>
    <t>淀川区十三本町二丁目４－８</t>
    <rPh sb="0" eb="3">
      <t>ヨドガワク</t>
    </rPh>
    <rPh sb="3" eb="5">
      <t>ジュウソウ</t>
    </rPh>
    <rPh sb="5" eb="7">
      <t>ホンマチ</t>
    </rPh>
    <rPh sb="7" eb="10">
      <t>ニチョウメ</t>
    </rPh>
    <phoneticPr fontId="3"/>
  </si>
  <si>
    <t>阪神調剤薬局 新大阪店</t>
    <rPh sb="0" eb="2">
      <t>ハンシン</t>
    </rPh>
    <rPh sb="2" eb="4">
      <t>チョウザイ</t>
    </rPh>
    <rPh sb="4" eb="6">
      <t>ヤッキョク</t>
    </rPh>
    <rPh sb="7" eb="10">
      <t>シンオオサカ</t>
    </rPh>
    <rPh sb="10" eb="11">
      <t>テン</t>
    </rPh>
    <phoneticPr fontId="3"/>
  </si>
  <si>
    <t>淀川区宮原一丁目７－７</t>
    <rPh sb="0" eb="3">
      <t>ヨドガワク</t>
    </rPh>
    <rPh sb="3" eb="5">
      <t>ミヤハラ</t>
    </rPh>
    <rPh sb="5" eb="8">
      <t>イッチョウメ</t>
    </rPh>
    <phoneticPr fontId="3"/>
  </si>
  <si>
    <t>日本調剤新大阪薬局</t>
    <rPh sb="0" eb="2">
      <t>ニホン</t>
    </rPh>
    <rPh sb="2" eb="4">
      <t>チョウザイ</t>
    </rPh>
    <rPh sb="4" eb="7">
      <t>シンオオサカ</t>
    </rPh>
    <rPh sb="7" eb="9">
      <t>ヤッキョク</t>
    </rPh>
    <phoneticPr fontId="3"/>
  </si>
  <si>
    <t>淀川区西中島六丁目１１－３１　
レーべネックス　１階</t>
    <rPh sb="6" eb="9">
      <t>ロクチョウメ</t>
    </rPh>
    <phoneticPr fontId="3"/>
  </si>
  <si>
    <t>フロンティア薬局　十三店</t>
    <rPh sb="6" eb="8">
      <t>ヤッキョク</t>
    </rPh>
    <rPh sb="9" eb="11">
      <t>ジュウソウ</t>
    </rPh>
    <rPh sb="11" eb="12">
      <t>テン</t>
    </rPh>
    <phoneticPr fontId="3"/>
  </si>
  <si>
    <t>淀川区十三本町二丁目１５－９</t>
    <rPh sb="0" eb="3">
      <t>ヨドガワク</t>
    </rPh>
    <rPh sb="3" eb="7">
      <t>ジュウソウホンマチ</t>
    </rPh>
    <rPh sb="7" eb="10">
      <t>ニチョウメ</t>
    </rPh>
    <phoneticPr fontId="3"/>
  </si>
  <si>
    <t>あゆみ薬局　東三国店</t>
    <rPh sb="3" eb="5">
      <t>ヤッキョク</t>
    </rPh>
    <rPh sb="6" eb="9">
      <t>ヒガシミクニ</t>
    </rPh>
    <rPh sb="9" eb="10">
      <t>テン</t>
    </rPh>
    <phoneticPr fontId="3"/>
  </si>
  <si>
    <t>淀川区東三国五丁目１－８</t>
    <rPh sb="0" eb="3">
      <t>ヨドガワク</t>
    </rPh>
    <rPh sb="3" eb="6">
      <t>ヒガシミクニ</t>
    </rPh>
    <rPh sb="6" eb="9">
      <t>ゴチョウメ</t>
    </rPh>
    <phoneticPr fontId="3"/>
  </si>
  <si>
    <t>春日野薬局　塚本店</t>
    <rPh sb="0" eb="3">
      <t>カスガノ</t>
    </rPh>
    <rPh sb="3" eb="5">
      <t>ヤッキョク</t>
    </rPh>
    <rPh sb="6" eb="9">
      <t>ツカモトテン</t>
    </rPh>
    <phoneticPr fontId="3"/>
  </si>
  <si>
    <t>淀川区塚本二丁目２４－２０　
ティーオーコート塚本</t>
    <rPh sb="0" eb="3">
      <t>ヨドガワク</t>
    </rPh>
    <rPh sb="3" eb="5">
      <t>ツカモト</t>
    </rPh>
    <rPh sb="5" eb="8">
      <t>ニチョウメ</t>
    </rPh>
    <rPh sb="23" eb="25">
      <t>ツカモト</t>
    </rPh>
    <phoneticPr fontId="3"/>
  </si>
  <si>
    <t>ひむか薬局　十三店</t>
    <rPh sb="3" eb="5">
      <t>ヤッキョク</t>
    </rPh>
    <rPh sb="6" eb="8">
      <t>ジュウソウ</t>
    </rPh>
    <rPh sb="8" eb="9">
      <t>テン</t>
    </rPh>
    <phoneticPr fontId="3"/>
  </si>
  <si>
    <t>淀川区木川西三丁目３－２１</t>
    <rPh sb="0" eb="3">
      <t>ヨドガワク</t>
    </rPh>
    <rPh sb="3" eb="5">
      <t>キカワ</t>
    </rPh>
    <rPh sb="5" eb="6">
      <t>ニシ</t>
    </rPh>
    <rPh sb="6" eb="9">
      <t>サンチョウメ</t>
    </rPh>
    <phoneticPr fontId="3"/>
  </si>
  <si>
    <t>やすらぎ薬局　十三店</t>
    <rPh sb="4" eb="6">
      <t>ヤッキョク</t>
    </rPh>
    <rPh sb="7" eb="9">
      <t>ジュウソウ</t>
    </rPh>
    <rPh sb="9" eb="10">
      <t>テン</t>
    </rPh>
    <phoneticPr fontId="3"/>
  </si>
  <si>
    <t>淀川区十三東二丁目７－１７</t>
    <rPh sb="0" eb="3">
      <t>ヨドガワク</t>
    </rPh>
    <rPh sb="3" eb="5">
      <t>ジュウソウ</t>
    </rPh>
    <rPh sb="5" eb="6">
      <t>ヒガシ</t>
    </rPh>
    <rPh sb="6" eb="9">
      <t>ニチョウメ</t>
    </rPh>
    <phoneticPr fontId="3"/>
  </si>
  <si>
    <t>キリン薬局　西三国店</t>
    <rPh sb="3" eb="5">
      <t>ヤッキョク</t>
    </rPh>
    <rPh sb="6" eb="7">
      <t>ニシ</t>
    </rPh>
    <rPh sb="7" eb="9">
      <t>ミクニ</t>
    </rPh>
    <rPh sb="9" eb="10">
      <t>テン</t>
    </rPh>
    <phoneticPr fontId="3"/>
  </si>
  <si>
    <t>淀川区西三国四丁目８－１９　
三国ビル　１階</t>
    <rPh sb="0" eb="3">
      <t>ヨドガワク</t>
    </rPh>
    <rPh sb="3" eb="4">
      <t>ニシ</t>
    </rPh>
    <rPh sb="4" eb="6">
      <t>ミクニ</t>
    </rPh>
    <rPh sb="6" eb="7">
      <t>ヨン</t>
    </rPh>
    <rPh sb="7" eb="9">
      <t>チョウメ</t>
    </rPh>
    <rPh sb="15" eb="17">
      <t>ミクニ</t>
    </rPh>
    <rPh sb="21" eb="22">
      <t>カイ</t>
    </rPh>
    <phoneticPr fontId="3"/>
  </si>
  <si>
    <t>マックスバリュ淀川三国店薬局</t>
    <rPh sb="7" eb="9">
      <t>ヨドガワ</t>
    </rPh>
    <rPh sb="9" eb="11">
      <t>ミクニ</t>
    </rPh>
    <rPh sb="11" eb="12">
      <t>ミセ</t>
    </rPh>
    <rPh sb="12" eb="14">
      <t>ヤッキョク</t>
    </rPh>
    <phoneticPr fontId="3"/>
  </si>
  <si>
    <t>淀川区三国本町二丁目１３－２　
マックスバリュ淀川三国店　２階</t>
    <rPh sb="0" eb="3">
      <t>ヨドガワク</t>
    </rPh>
    <rPh sb="3" eb="5">
      <t>ミクニ</t>
    </rPh>
    <rPh sb="5" eb="7">
      <t>ホンマチ</t>
    </rPh>
    <rPh sb="7" eb="10">
      <t>ニチョウメ</t>
    </rPh>
    <rPh sb="23" eb="25">
      <t>ヨドガワ</t>
    </rPh>
    <rPh sb="25" eb="27">
      <t>ミクニ</t>
    </rPh>
    <rPh sb="27" eb="28">
      <t>ミセ</t>
    </rPh>
    <rPh sb="30" eb="31">
      <t>カイ</t>
    </rPh>
    <phoneticPr fontId="3"/>
  </si>
  <si>
    <t>さくら薬局　大阪野中北店</t>
    <rPh sb="3" eb="5">
      <t>ヤッキョク</t>
    </rPh>
    <rPh sb="6" eb="8">
      <t>オオサカ</t>
    </rPh>
    <rPh sb="8" eb="10">
      <t>ノナカ</t>
    </rPh>
    <rPh sb="10" eb="11">
      <t>キタ</t>
    </rPh>
    <rPh sb="11" eb="12">
      <t>テン</t>
    </rPh>
    <phoneticPr fontId="3"/>
  </si>
  <si>
    <t>淀川区野中北二丁目６－１３</t>
    <rPh sb="0" eb="3">
      <t>ヨドガワク</t>
    </rPh>
    <rPh sb="3" eb="5">
      <t>ノナカ</t>
    </rPh>
    <rPh sb="5" eb="6">
      <t>キタ</t>
    </rPh>
    <rPh sb="6" eb="9">
      <t>ニチョウメ</t>
    </rPh>
    <phoneticPr fontId="3"/>
  </si>
  <si>
    <t>スギ薬局　東三国駅前店</t>
    <rPh sb="2" eb="4">
      <t>ヤッキョク</t>
    </rPh>
    <rPh sb="5" eb="8">
      <t>ヒガシミクニ</t>
    </rPh>
    <rPh sb="8" eb="10">
      <t>エキマエ</t>
    </rPh>
    <rPh sb="10" eb="11">
      <t>テン</t>
    </rPh>
    <phoneticPr fontId="3"/>
  </si>
  <si>
    <t>淀川区宮原二丁目１３－１３ー１０１　
デュオン新大阪レジデンス</t>
    <rPh sb="0" eb="3">
      <t>ヨドガワク</t>
    </rPh>
    <rPh sb="3" eb="5">
      <t>ミヤハラ</t>
    </rPh>
    <rPh sb="5" eb="8">
      <t>ニチョウメ</t>
    </rPh>
    <rPh sb="23" eb="26">
      <t>シンオオサカ</t>
    </rPh>
    <phoneticPr fontId="3"/>
  </si>
  <si>
    <t>わかば薬局</t>
    <rPh sb="3" eb="5">
      <t>ヤッキョク</t>
    </rPh>
    <phoneticPr fontId="3"/>
  </si>
  <si>
    <t>淀川区塚本五丁目６－２３</t>
    <rPh sb="0" eb="3">
      <t>ヨドガワク</t>
    </rPh>
    <rPh sb="3" eb="4">
      <t>ツカ</t>
    </rPh>
    <rPh sb="4" eb="5">
      <t>モト</t>
    </rPh>
    <rPh sb="5" eb="8">
      <t>ゴチョウメ</t>
    </rPh>
    <phoneticPr fontId="3"/>
  </si>
  <si>
    <t>アイランド薬局　十三店</t>
    <rPh sb="5" eb="7">
      <t>ヤッキョク</t>
    </rPh>
    <rPh sb="8" eb="10">
      <t>ジュウソウ</t>
    </rPh>
    <rPh sb="10" eb="11">
      <t>テン</t>
    </rPh>
    <phoneticPr fontId="3"/>
  </si>
  <si>
    <t>淀川区十三東二丁目１２－４３</t>
    <rPh sb="0" eb="3">
      <t>ヨドガワク</t>
    </rPh>
    <rPh sb="3" eb="6">
      <t>ジュウソウヒガシ</t>
    </rPh>
    <rPh sb="6" eb="9">
      <t>ニチョウメ</t>
    </rPh>
    <phoneticPr fontId="3"/>
  </si>
  <si>
    <t>アイランド薬局　西中島店</t>
    <rPh sb="5" eb="7">
      <t>ヤッキョク</t>
    </rPh>
    <rPh sb="8" eb="11">
      <t>ニシナカジマ</t>
    </rPh>
    <rPh sb="11" eb="12">
      <t>テン</t>
    </rPh>
    <phoneticPr fontId="3"/>
  </si>
  <si>
    <t>淀川区西中島三丁目３－９　
グランプリビル　１階</t>
    <rPh sb="0" eb="3">
      <t>ヨドガワク</t>
    </rPh>
    <rPh sb="3" eb="6">
      <t>ニシナカジマ</t>
    </rPh>
    <rPh sb="6" eb="9">
      <t>サンチョウメ</t>
    </rPh>
    <rPh sb="23" eb="24">
      <t>カイ</t>
    </rPh>
    <phoneticPr fontId="3"/>
  </si>
  <si>
    <t>ツバサ薬局　十三店</t>
    <rPh sb="3" eb="5">
      <t>ヤッキョク</t>
    </rPh>
    <rPh sb="6" eb="8">
      <t>ジュウソウ</t>
    </rPh>
    <rPh sb="8" eb="9">
      <t>テン</t>
    </rPh>
    <phoneticPr fontId="3"/>
  </si>
  <si>
    <t>淀川区新高一丁目１１－６</t>
    <rPh sb="0" eb="3">
      <t>ヨドガワク</t>
    </rPh>
    <rPh sb="3" eb="4">
      <t>シン</t>
    </rPh>
    <rPh sb="4" eb="5">
      <t>タカ</t>
    </rPh>
    <rPh sb="5" eb="8">
      <t>イッチョウメ</t>
    </rPh>
    <phoneticPr fontId="3"/>
  </si>
  <si>
    <t>オレンジ薬局　塚本店</t>
    <rPh sb="4" eb="6">
      <t>ヤッキョク</t>
    </rPh>
    <rPh sb="7" eb="9">
      <t>ツカモト</t>
    </rPh>
    <rPh sb="9" eb="10">
      <t>テン</t>
    </rPh>
    <phoneticPr fontId="3"/>
  </si>
  <si>
    <t>淀川区塚本二丁目１８－８　
ツインヴィラ塚本Ａ棟１階</t>
    <rPh sb="0" eb="3">
      <t>ヨドガワク</t>
    </rPh>
    <rPh sb="3" eb="5">
      <t>ツカモト</t>
    </rPh>
    <rPh sb="5" eb="8">
      <t>ニチョウメ</t>
    </rPh>
    <rPh sb="20" eb="22">
      <t>ツカモト</t>
    </rPh>
    <rPh sb="23" eb="24">
      <t>トウ</t>
    </rPh>
    <rPh sb="25" eb="26">
      <t>カイ</t>
    </rPh>
    <phoneticPr fontId="3"/>
  </si>
  <si>
    <t>スギ薬局　新大阪宮原店</t>
    <rPh sb="2" eb="4">
      <t>ヤッキョク</t>
    </rPh>
    <rPh sb="5" eb="8">
      <t>シンオオサカ</t>
    </rPh>
    <rPh sb="8" eb="10">
      <t>ミヤハラ</t>
    </rPh>
    <rPh sb="10" eb="11">
      <t>テン</t>
    </rPh>
    <phoneticPr fontId="3"/>
  </si>
  <si>
    <t>淀川区宮原四丁目４－４８</t>
    <rPh sb="0" eb="3">
      <t>ヨドガワク</t>
    </rPh>
    <rPh sb="3" eb="5">
      <t>ミヤハラ</t>
    </rPh>
    <rPh sb="5" eb="8">
      <t>ヨンチョウメ</t>
    </rPh>
    <phoneticPr fontId="3"/>
  </si>
  <si>
    <t>サンドラッグ東三国薬局</t>
    <rPh sb="6" eb="7">
      <t>ヒガシ</t>
    </rPh>
    <rPh sb="7" eb="9">
      <t>ミクニ</t>
    </rPh>
    <rPh sb="9" eb="11">
      <t>ヤッキョク</t>
    </rPh>
    <phoneticPr fontId="3"/>
  </si>
  <si>
    <t>淀川区西三国一丁目７－４１</t>
    <rPh sb="0" eb="3">
      <t>ヨドガワク</t>
    </rPh>
    <rPh sb="3" eb="4">
      <t>ニシ</t>
    </rPh>
    <rPh sb="4" eb="6">
      <t>ミクニ</t>
    </rPh>
    <rPh sb="6" eb="9">
      <t>イッチョウメ</t>
    </rPh>
    <phoneticPr fontId="3"/>
  </si>
  <si>
    <t>はな薬局　十三店</t>
    <rPh sb="2" eb="4">
      <t>ヤッキョク</t>
    </rPh>
    <rPh sb="5" eb="7">
      <t>ジュウソウ</t>
    </rPh>
    <rPh sb="7" eb="8">
      <t>テン</t>
    </rPh>
    <phoneticPr fontId="3"/>
  </si>
  <si>
    <t>淀川区十三元今里二丁目１３－１８　
マンションスイーダ　１階</t>
    <rPh sb="0" eb="3">
      <t>ヨドガワク</t>
    </rPh>
    <rPh sb="3" eb="5">
      <t>ジュウソウ</t>
    </rPh>
    <rPh sb="5" eb="6">
      <t>モト</t>
    </rPh>
    <rPh sb="6" eb="8">
      <t>イマサト</t>
    </rPh>
    <rPh sb="8" eb="11">
      <t>２チョウメ</t>
    </rPh>
    <rPh sb="29" eb="30">
      <t>カイ</t>
    </rPh>
    <phoneticPr fontId="3"/>
  </si>
  <si>
    <t>ピース薬局　西三国店</t>
    <rPh sb="3" eb="5">
      <t>ヤッキョク</t>
    </rPh>
    <rPh sb="6" eb="7">
      <t>ニシ</t>
    </rPh>
    <rPh sb="7" eb="9">
      <t>ミクニ</t>
    </rPh>
    <rPh sb="9" eb="10">
      <t>テン</t>
    </rPh>
    <phoneticPr fontId="3"/>
  </si>
  <si>
    <t>淀川区西三国三丁目２－８</t>
    <rPh sb="0" eb="3">
      <t>ヨドガワク</t>
    </rPh>
    <rPh sb="3" eb="4">
      <t>ニシ</t>
    </rPh>
    <rPh sb="4" eb="6">
      <t>ミクニ</t>
    </rPh>
    <rPh sb="6" eb="9">
      <t>３チョウメ</t>
    </rPh>
    <phoneticPr fontId="3"/>
  </si>
  <si>
    <t>アピス薬局　塚本店</t>
    <rPh sb="3" eb="5">
      <t>ヤッキョク</t>
    </rPh>
    <rPh sb="6" eb="8">
      <t>ツカモト</t>
    </rPh>
    <rPh sb="8" eb="9">
      <t>テン</t>
    </rPh>
    <phoneticPr fontId="3"/>
  </si>
  <si>
    <t>淀川区塚本四丁目３－２５　
清光ハイツ　１階１号</t>
    <rPh sb="0" eb="3">
      <t>ヨドガワク</t>
    </rPh>
    <rPh sb="3" eb="5">
      <t>ツカモト</t>
    </rPh>
    <rPh sb="5" eb="8">
      <t>ヨンチョウメ</t>
    </rPh>
    <rPh sb="14" eb="16">
      <t>キヨミツ</t>
    </rPh>
    <rPh sb="21" eb="22">
      <t>カイ</t>
    </rPh>
    <rPh sb="23" eb="24">
      <t>ゴウ</t>
    </rPh>
    <phoneticPr fontId="3"/>
  </si>
  <si>
    <t>おざき薬局　淀川店</t>
    <rPh sb="3" eb="5">
      <t>ヤッキョク</t>
    </rPh>
    <rPh sb="6" eb="9">
      <t>ヨドガワテン</t>
    </rPh>
    <phoneticPr fontId="3"/>
  </si>
  <si>
    <t>淀川区木川東一丁目１１－１９　
有馬パレス西中島　１０３号室</t>
    <rPh sb="0" eb="3">
      <t>ヨドガワク</t>
    </rPh>
    <rPh sb="3" eb="6">
      <t>キカワヒガシ</t>
    </rPh>
    <rPh sb="6" eb="9">
      <t>イッチョウメ</t>
    </rPh>
    <rPh sb="16" eb="18">
      <t>アリマ</t>
    </rPh>
    <rPh sb="21" eb="24">
      <t>ニシナカジマ</t>
    </rPh>
    <rPh sb="28" eb="29">
      <t>ゴウ</t>
    </rPh>
    <rPh sb="29" eb="30">
      <t>シツ</t>
    </rPh>
    <phoneticPr fontId="3"/>
  </si>
  <si>
    <t>マルイファーム薬局</t>
    <rPh sb="7" eb="9">
      <t>ヤッキョク</t>
    </rPh>
    <phoneticPr fontId="3"/>
  </si>
  <si>
    <t>淀川区宮原二丁目７－２３</t>
    <rPh sb="0" eb="3">
      <t>ヨドガワク</t>
    </rPh>
    <rPh sb="3" eb="5">
      <t>ミヤハラ</t>
    </rPh>
    <rPh sb="5" eb="8">
      <t>２チョウメ</t>
    </rPh>
    <phoneticPr fontId="3"/>
  </si>
  <si>
    <t>淀川薬局</t>
    <rPh sb="0" eb="2">
      <t>ヨドガワ</t>
    </rPh>
    <rPh sb="2" eb="4">
      <t>ヤッキョク</t>
    </rPh>
    <phoneticPr fontId="3"/>
  </si>
  <si>
    <t>淀川区塚本二丁目１８－１　
イチビル　１階</t>
    <rPh sb="0" eb="3">
      <t>ヨドガワク</t>
    </rPh>
    <rPh sb="3" eb="5">
      <t>ツカモト</t>
    </rPh>
    <rPh sb="5" eb="8">
      <t>２チョウメ</t>
    </rPh>
    <rPh sb="20" eb="21">
      <t>カイ</t>
    </rPh>
    <phoneticPr fontId="3"/>
  </si>
  <si>
    <t>こすもす薬局</t>
    <rPh sb="4" eb="6">
      <t>ヤッキョク</t>
    </rPh>
    <phoneticPr fontId="3"/>
  </si>
  <si>
    <t>淀川区西宮原二丁目７－２４　
新大阪ウエストハイツ　１階</t>
    <rPh sb="0" eb="3">
      <t>ヨドガワク</t>
    </rPh>
    <rPh sb="3" eb="4">
      <t>ニシ</t>
    </rPh>
    <rPh sb="4" eb="6">
      <t>ミヤハラ</t>
    </rPh>
    <rPh sb="6" eb="9">
      <t>２チョウメ</t>
    </rPh>
    <rPh sb="15" eb="18">
      <t>シンオオサカ</t>
    </rPh>
    <rPh sb="27" eb="28">
      <t>カイ</t>
    </rPh>
    <phoneticPr fontId="3"/>
  </si>
  <si>
    <t>もえぎ薬局</t>
    <rPh sb="3" eb="5">
      <t>ヤッキョク</t>
    </rPh>
    <phoneticPr fontId="3"/>
  </si>
  <si>
    <t>淀川区加島四丁目２－１７</t>
    <rPh sb="0" eb="3">
      <t>ヨドガワク</t>
    </rPh>
    <rPh sb="3" eb="5">
      <t>カシマ</t>
    </rPh>
    <rPh sb="5" eb="8">
      <t>４チョウメ</t>
    </rPh>
    <phoneticPr fontId="3"/>
  </si>
  <si>
    <t>駅クオール薬局　ＪＲ新大阪店</t>
    <rPh sb="0" eb="1">
      <t>エキ</t>
    </rPh>
    <rPh sb="5" eb="7">
      <t>ヤッキョク</t>
    </rPh>
    <rPh sb="10" eb="13">
      <t>シンオオサカ</t>
    </rPh>
    <rPh sb="13" eb="14">
      <t>テン</t>
    </rPh>
    <phoneticPr fontId="3"/>
  </si>
  <si>
    <t>淀川区西中島五丁目１６－１　
ＪＲ新大阪駅　３階</t>
    <rPh sb="0" eb="3">
      <t>ヨドガワク</t>
    </rPh>
    <rPh sb="3" eb="6">
      <t>ニシナカジマ</t>
    </rPh>
    <rPh sb="6" eb="9">
      <t>５チョウメ</t>
    </rPh>
    <rPh sb="17" eb="18">
      <t>シン</t>
    </rPh>
    <rPh sb="18" eb="20">
      <t>オオサカ</t>
    </rPh>
    <rPh sb="20" eb="21">
      <t>エキ</t>
    </rPh>
    <rPh sb="23" eb="24">
      <t>カイ</t>
    </rPh>
    <phoneticPr fontId="3"/>
  </si>
  <si>
    <t>あおぞら薬局　三国店</t>
    <rPh sb="4" eb="6">
      <t>ヤッキョク</t>
    </rPh>
    <rPh sb="7" eb="9">
      <t>ミクニ</t>
    </rPh>
    <rPh sb="9" eb="10">
      <t>テン</t>
    </rPh>
    <phoneticPr fontId="3"/>
  </si>
  <si>
    <t>淀川区西三国一丁目３－２９　
ファルマプランビル　１階</t>
    <rPh sb="0" eb="3">
      <t>ヨドガワク</t>
    </rPh>
    <rPh sb="3" eb="4">
      <t>ニシ</t>
    </rPh>
    <rPh sb="4" eb="6">
      <t>ミクニ</t>
    </rPh>
    <rPh sb="6" eb="9">
      <t>１チョウメ</t>
    </rPh>
    <rPh sb="26" eb="27">
      <t>カイ</t>
    </rPh>
    <phoneticPr fontId="3"/>
  </si>
  <si>
    <t>きららみらい薬局</t>
    <rPh sb="6" eb="8">
      <t>ヤッキョク</t>
    </rPh>
    <phoneticPr fontId="3"/>
  </si>
  <si>
    <t>淀川区木川西三丁目３－１９　
１階</t>
    <rPh sb="0" eb="3">
      <t>ヨドガワク</t>
    </rPh>
    <rPh sb="3" eb="5">
      <t>キガワ</t>
    </rPh>
    <rPh sb="5" eb="6">
      <t>ニシ</t>
    </rPh>
    <rPh sb="6" eb="7">
      <t>3</t>
    </rPh>
    <rPh sb="7" eb="9">
      <t>チョウメ</t>
    </rPh>
    <rPh sb="16" eb="17">
      <t>カイ</t>
    </rPh>
    <phoneticPr fontId="3"/>
  </si>
  <si>
    <t>淀川区木川東二丁目１－５　
リバーヒルズ新大阪　１０１</t>
    <rPh sb="0" eb="3">
      <t>ヨドガワク</t>
    </rPh>
    <rPh sb="3" eb="5">
      <t>キガワ</t>
    </rPh>
    <rPh sb="5" eb="6">
      <t>ヒガシ</t>
    </rPh>
    <rPh sb="6" eb="9">
      <t>２チョウメ</t>
    </rPh>
    <rPh sb="20" eb="23">
      <t>シンオオサカ</t>
    </rPh>
    <phoneticPr fontId="3"/>
  </si>
  <si>
    <t>ブリック薬局　新大阪店</t>
    <rPh sb="4" eb="6">
      <t>ヤッキョク</t>
    </rPh>
    <rPh sb="7" eb="10">
      <t>シンオオサカ</t>
    </rPh>
    <rPh sb="10" eb="11">
      <t>ミセ</t>
    </rPh>
    <phoneticPr fontId="3"/>
  </si>
  <si>
    <t>淀川区宮原一丁目６－１　
新大阪ブリックビル　１階</t>
    <rPh sb="0" eb="3">
      <t>ヨドガワク</t>
    </rPh>
    <rPh sb="3" eb="5">
      <t>ミヤハラ</t>
    </rPh>
    <rPh sb="5" eb="8">
      <t>イッチョウメ</t>
    </rPh>
    <rPh sb="13" eb="16">
      <t>シンオオサカ</t>
    </rPh>
    <rPh sb="24" eb="25">
      <t>カイ</t>
    </rPh>
    <phoneticPr fontId="3"/>
  </si>
  <si>
    <t>アイン薬局　十三駅前店</t>
    <rPh sb="3" eb="5">
      <t>ヤッキョク</t>
    </rPh>
    <rPh sb="6" eb="8">
      <t>ジュウソウ</t>
    </rPh>
    <rPh sb="8" eb="10">
      <t>エキマエ</t>
    </rPh>
    <rPh sb="10" eb="11">
      <t>ミセ</t>
    </rPh>
    <phoneticPr fontId="3"/>
  </si>
  <si>
    <t>淀川区十三東二丁目９－１０　
十三駅前医療ビル　１階</t>
    <rPh sb="0" eb="3">
      <t>ヨドガワク</t>
    </rPh>
    <rPh sb="3" eb="5">
      <t>ジュウソウ</t>
    </rPh>
    <rPh sb="5" eb="6">
      <t>ヒガシ</t>
    </rPh>
    <rPh sb="6" eb="9">
      <t>ニチョウメ</t>
    </rPh>
    <rPh sb="15" eb="17">
      <t>ジュウソウ</t>
    </rPh>
    <rPh sb="17" eb="19">
      <t>エキマエ</t>
    </rPh>
    <rPh sb="19" eb="21">
      <t>イリョウ</t>
    </rPh>
    <rPh sb="25" eb="26">
      <t>カイ</t>
    </rPh>
    <phoneticPr fontId="3"/>
  </si>
  <si>
    <t>すこやか薬局</t>
    <rPh sb="4" eb="6">
      <t>ヤッキョク</t>
    </rPh>
    <phoneticPr fontId="3"/>
  </si>
  <si>
    <t>淀川区三津屋中一丁目４－３１</t>
    <rPh sb="0" eb="3">
      <t>ヨドガワク</t>
    </rPh>
    <rPh sb="3" eb="7">
      <t>ミツヤナカ</t>
    </rPh>
    <rPh sb="7" eb="10">
      <t>イッチョウメ</t>
    </rPh>
    <phoneticPr fontId="3"/>
  </si>
  <si>
    <t>そうごう薬局　西宮原店</t>
    <rPh sb="4" eb="6">
      <t>ヤッキョク</t>
    </rPh>
    <rPh sb="7" eb="8">
      <t>ニシ</t>
    </rPh>
    <rPh sb="8" eb="10">
      <t>ミヤハラ</t>
    </rPh>
    <rPh sb="10" eb="11">
      <t>ミセ</t>
    </rPh>
    <phoneticPr fontId="3"/>
  </si>
  <si>
    <t>淀川区西宮原三丁目３－９８
１階</t>
    <rPh sb="0" eb="3">
      <t>ヨドガワク</t>
    </rPh>
    <rPh sb="3" eb="4">
      <t>ニシ</t>
    </rPh>
    <rPh sb="4" eb="6">
      <t>ミヤハラ</t>
    </rPh>
    <rPh sb="6" eb="9">
      <t>サンチョウメ</t>
    </rPh>
    <rPh sb="15" eb="16">
      <t>カイ</t>
    </rPh>
    <phoneticPr fontId="3"/>
  </si>
  <si>
    <t>淀川区</t>
  </si>
  <si>
    <t>9103053</t>
  </si>
  <si>
    <t>スギ薬局　三国駅前店</t>
    <rPh sb="2" eb="4">
      <t>ヤッキョク</t>
    </rPh>
    <rPh sb="5" eb="7">
      <t>サンゴク</t>
    </rPh>
    <rPh sb="7" eb="9">
      <t>エキマエ</t>
    </rPh>
    <rPh sb="9" eb="10">
      <t>テン</t>
    </rPh>
    <phoneticPr fontId="3"/>
  </si>
  <si>
    <t>淀川区西三国四丁目８－１９
三国ビル　１階</t>
    <rPh sb="0" eb="3">
      <t>ヨドガワク</t>
    </rPh>
    <rPh sb="3" eb="4">
      <t>ニシ</t>
    </rPh>
    <rPh sb="4" eb="6">
      <t>ミクニ</t>
    </rPh>
    <rPh sb="6" eb="9">
      <t>ヨンチョウメ</t>
    </rPh>
    <rPh sb="14" eb="16">
      <t>ミクニ</t>
    </rPh>
    <rPh sb="20" eb="21">
      <t>カイ</t>
    </rPh>
    <phoneticPr fontId="3"/>
  </si>
  <si>
    <t>9103061</t>
  </si>
  <si>
    <t>淀川区東三国五丁目１１－１７
１階</t>
    <rPh sb="0" eb="3">
      <t>ヨドガワク</t>
    </rPh>
    <rPh sb="3" eb="6">
      <t>ヒガシミクニ</t>
    </rPh>
    <rPh sb="6" eb="9">
      <t>ゴチョウメ</t>
    </rPh>
    <rPh sb="16" eb="17">
      <t>カイ</t>
    </rPh>
    <phoneticPr fontId="3"/>
  </si>
  <si>
    <t>9103095</t>
  </si>
  <si>
    <t>南山堂薬局　新高店</t>
    <rPh sb="0" eb="1">
      <t>ミナミ</t>
    </rPh>
    <rPh sb="1" eb="2">
      <t>ヤマ</t>
    </rPh>
    <rPh sb="2" eb="3">
      <t>ドウ</t>
    </rPh>
    <rPh sb="3" eb="5">
      <t>ヤッキョク</t>
    </rPh>
    <rPh sb="6" eb="8">
      <t>ニイタカ</t>
    </rPh>
    <rPh sb="8" eb="9">
      <t>テン</t>
    </rPh>
    <phoneticPr fontId="3"/>
  </si>
  <si>
    <t>淀川区新高二丁目３－２　
新高クリニックセンタービル　１階</t>
    <rPh sb="0" eb="3">
      <t>ヨドガワク</t>
    </rPh>
    <rPh sb="3" eb="5">
      <t>ニイタカ</t>
    </rPh>
    <rPh sb="5" eb="8">
      <t>ニチョウメ</t>
    </rPh>
    <rPh sb="13" eb="15">
      <t>ニイタカ</t>
    </rPh>
    <rPh sb="28" eb="29">
      <t>カイ</t>
    </rPh>
    <phoneticPr fontId="3"/>
  </si>
  <si>
    <t>東淀川区</t>
    <rPh sb="0" eb="4">
      <t>ヒガシヨドガワク</t>
    </rPh>
    <phoneticPr fontId="3"/>
  </si>
  <si>
    <t>濱口薬局</t>
    <rPh sb="0" eb="1">
      <t>ハマ</t>
    </rPh>
    <rPh sb="1" eb="2">
      <t>グチ</t>
    </rPh>
    <rPh sb="2" eb="4">
      <t>ヤッキョク</t>
    </rPh>
    <phoneticPr fontId="3"/>
  </si>
  <si>
    <t>東淀川区菅原三丁目８－６－１０１</t>
    <rPh sb="0" eb="4">
      <t>ヒガシヨドガワク</t>
    </rPh>
    <rPh sb="4" eb="6">
      <t>スガハラ</t>
    </rPh>
    <rPh sb="6" eb="9">
      <t>サンチョウメ</t>
    </rPh>
    <phoneticPr fontId="3"/>
  </si>
  <si>
    <t>ヤスダ薬局</t>
    <rPh sb="3" eb="5">
      <t>ヤッキョク</t>
    </rPh>
    <phoneticPr fontId="3"/>
  </si>
  <si>
    <t>東淀川区上新庄二丁目２４－２３　
上新庄阪急プラザ　１階</t>
    <rPh sb="0" eb="4">
      <t>ヒガシヨドガワク</t>
    </rPh>
    <rPh sb="4" eb="7">
      <t>カミシンジョウ</t>
    </rPh>
    <rPh sb="7" eb="10">
      <t>ニチョウメ</t>
    </rPh>
    <rPh sb="17" eb="20">
      <t>カミシンジョウ</t>
    </rPh>
    <rPh sb="20" eb="22">
      <t>ハンキュウ</t>
    </rPh>
    <rPh sb="27" eb="28">
      <t>カイ</t>
    </rPh>
    <phoneticPr fontId="3"/>
  </si>
  <si>
    <t>北淀薬局</t>
    <rPh sb="0" eb="2">
      <t>キタヨド</t>
    </rPh>
    <rPh sb="2" eb="4">
      <t>ヤッキョク</t>
    </rPh>
    <phoneticPr fontId="3"/>
  </si>
  <si>
    <t>東淀川区豊里六丁目１－９</t>
    <rPh sb="0" eb="4">
      <t>ヒガシヨドガワク</t>
    </rPh>
    <rPh sb="4" eb="5">
      <t>トヨ</t>
    </rPh>
    <rPh sb="5" eb="6">
      <t>サト</t>
    </rPh>
    <rPh sb="6" eb="9">
      <t>ロクチョウメ</t>
    </rPh>
    <phoneticPr fontId="3"/>
  </si>
  <si>
    <t>安田薬局</t>
    <rPh sb="0" eb="2">
      <t>ヤスダ</t>
    </rPh>
    <rPh sb="2" eb="4">
      <t>ヤッキョク</t>
    </rPh>
    <phoneticPr fontId="3"/>
  </si>
  <si>
    <t>東淀川区瑞光一丁目１１－２１</t>
    <rPh sb="0" eb="4">
      <t>ヒガシヨドガワク</t>
    </rPh>
    <rPh sb="4" eb="6">
      <t>ズイコウ</t>
    </rPh>
    <rPh sb="6" eb="9">
      <t>イッチョウメ</t>
    </rPh>
    <phoneticPr fontId="3"/>
  </si>
  <si>
    <t>あかり薬局</t>
    <rPh sb="3" eb="5">
      <t>ヤッキョク</t>
    </rPh>
    <phoneticPr fontId="3"/>
  </si>
  <si>
    <t>東淀川区瑞光四丁目１－１８　
徳和メディカルビル　１階</t>
    <rPh sb="0" eb="4">
      <t>ヒガシヨドガワク</t>
    </rPh>
    <rPh sb="4" eb="6">
      <t>ズイコウ</t>
    </rPh>
    <rPh sb="6" eb="9">
      <t>ヨンチョウメ</t>
    </rPh>
    <rPh sb="15" eb="17">
      <t>トクワ</t>
    </rPh>
    <rPh sb="26" eb="27">
      <t>カイ</t>
    </rPh>
    <phoneticPr fontId="3"/>
  </si>
  <si>
    <t>ホーコー堂薬局</t>
    <rPh sb="4" eb="5">
      <t>ドウ</t>
    </rPh>
    <rPh sb="5" eb="7">
      <t>ヤッキョク</t>
    </rPh>
    <phoneticPr fontId="3"/>
  </si>
  <si>
    <t>東淀川区豊里四丁目８－２３</t>
    <rPh sb="0" eb="4">
      <t>ヒガシヨドガワク</t>
    </rPh>
    <rPh sb="4" eb="5">
      <t>トヨ</t>
    </rPh>
    <rPh sb="5" eb="6">
      <t>サト</t>
    </rPh>
    <rPh sb="6" eb="9">
      <t>ヨンチョウメ</t>
    </rPh>
    <phoneticPr fontId="3"/>
  </si>
  <si>
    <t>ヤマト薬局</t>
    <rPh sb="3" eb="5">
      <t>ヤッキョク</t>
    </rPh>
    <phoneticPr fontId="3"/>
  </si>
  <si>
    <t>東淀川区豊里六丁目２１－１２　
上田マンション　１階</t>
    <rPh sb="0" eb="4">
      <t>ヒガシヨドガワク</t>
    </rPh>
    <rPh sb="4" eb="5">
      <t>トヨ</t>
    </rPh>
    <rPh sb="5" eb="6">
      <t>サト</t>
    </rPh>
    <rPh sb="6" eb="9">
      <t>ロクチョウメ</t>
    </rPh>
    <rPh sb="16" eb="18">
      <t>ウエダ</t>
    </rPh>
    <rPh sb="25" eb="26">
      <t>カイ</t>
    </rPh>
    <phoneticPr fontId="3"/>
  </si>
  <si>
    <t>ショーエイ堂薬局</t>
    <rPh sb="5" eb="6">
      <t>ドウ</t>
    </rPh>
    <rPh sb="6" eb="8">
      <t>ヤッキョク</t>
    </rPh>
    <phoneticPr fontId="3"/>
  </si>
  <si>
    <t>東淀川区西淡路四丁目２５－６９　
ハイツ上新第３西淡路　１階</t>
    <rPh sb="0" eb="4">
      <t>ヒガシヨドガワク</t>
    </rPh>
    <rPh sb="4" eb="5">
      <t>ニシ</t>
    </rPh>
    <rPh sb="5" eb="7">
      <t>アワジ</t>
    </rPh>
    <rPh sb="7" eb="10">
      <t>ヨンチョウメ</t>
    </rPh>
    <rPh sb="20" eb="21">
      <t>ウエ</t>
    </rPh>
    <rPh sb="21" eb="22">
      <t>シン</t>
    </rPh>
    <rPh sb="22" eb="23">
      <t>ダイ</t>
    </rPh>
    <rPh sb="24" eb="25">
      <t>ニシ</t>
    </rPh>
    <rPh sb="25" eb="27">
      <t>アワジ</t>
    </rPh>
    <rPh sb="29" eb="30">
      <t>カイ</t>
    </rPh>
    <phoneticPr fontId="3"/>
  </si>
  <si>
    <t>梅ヶ枝薬局</t>
    <rPh sb="0" eb="1">
      <t>ウメ</t>
    </rPh>
    <rPh sb="2" eb="3">
      <t>エダ</t>
    </rPh>
    <rPh sb="3" eb="5">
      <t>ヤッキョク</t>
    </rPh>
    <phoneticPr fontId="3"/>
  </si>
  <si>
    <t>東淀川区瑞光二丁目１０－２１</t>
    <rPh sb="0" eb="4">
      <t>ヒガシヨドガワク</t>
    </rPh>
    <rPh sb="4" eb="6">
      <t>ズイコウ</t>
    </rPh>
    <rPh sb="6" eb="9">
      <t>ニチョウメ</t>
    </rPh>
    <phoneticPr fontId="3"/>
  </si>
  <si>
    <t>東淀川区豊新五丁目１９－１８　
ナカノビル　１階</t>
    <rPh sb="0" eb="4">
      <t>ヒガシヨドガワク</t>
    </rPh>
    <rPh sb="4" eb="5">
      <t>トヨ</t>
    </rPh>
    <rPh sb="5" eb="6">
      <t>シン</t>
    </rPh>
    <rPh sb="6" eb="9">
      <t>ゴチョウメ</t>
    </rPh>
    <rPh sb="23" eb="24">
      <t>カイ</t>
    </rPh>
    <phoneticPr fontId="3"/>
  </si>
  <si>
    <t>サエラ薬局</t>
    <rPh sb="3" eb="5">
      <t>ヤッキョク</t>
    </rPh>
    <phoneticPr fontId="3"/>
  </si>
  <si>
    <t>東淀川区豊里七丁目１９－７　
第１２高光マンション　１０２号</t>
    <rPh sb="0" eb="4">
      <t>ヒガシヨドガワク</t>
    </rPh>
    <rPh sb="4" eb="5">
      <t>トヨ</t>
    </rPh>
    <rPh sb="5" eb="6">
      <t>サト</t>
    </rPh>
    <rPh sb="6" eb="9">
      <t>ナナチョウメ</t>
    </rPh>
    <rPh sb="15" eb="16">
      <t>ダイ</t>
    </rPh>
    <rPh sb="18" eb="19">
      <t>コウ</t>
    </rPh>
    <rPh sb="19" eb="20">
      <t>コウ</t>
    </rPh>
    <rPh sb="29" eb="30">
      <t>ゴウ</t>
    </rPh>
    <phoneticPr fontId="3"/>
  </si>
  <si>
    <t>江口橋コスモ薬局</t>
    <rPh sb="0" eb="2">
      <t>エグチ</t>
    </rPh>
    <rPh sb="2" eb="3">
      <t>バシ</t>
    </rPh>
    <rPh sb="6" eb="8">
      <t>ヤッキョク</t>
    </rPh>
    <phoneticPr fontId="3"/>
  </si>
  <si>
    <t>東淀川区瑞光四丁目１２－２７　
アゼリアマンション　１階</t>
    <rPh sb="0" eb="4">
      <t>ヒガシヨドガワク</t>
    </rPh>
    <rPh sb="4" eb="6">
      <t>ズイコウ</t>
    </rPh>
    <rPh sb="6" eb="9">
      <t>ヨンチョウメ</t>
    </rPh>
    <rPh sb="27" eb="28">
      <t>カイ</t>
    </rPh>
    <phoneticPr fontId="3"/>
  </si>
  <si>
    <t>東淀川区瑞光一丁目１１－３</t>
    <rPh sb="0" eb="4">
      <t>ヒガシヨドガワク</t>
    </rPh>
    <rPh sb="4" eb="6">
      <t>ズイコウ</t>
    </rPh>
    <rPh sb="6" eb="9">
      <t>イッチョウメ</t>
    </rPh>
    <phoneticPr fontId="3"/>
  </si>
  <si>
    <t>ヒロ薬局</t>
    <rPh sb="2" eb="4">
      <t>ヤッキョク</t>
    </rPh>
    <phoneticPr fontId="3"/>
  </si>
  <si>
    <t>東淀川区豊里四丁目５－２１</t>
    <rPh sb="0" eb="4">
      <t>ヒガシヨドガワク</t>
    </rPh>
    <rPh sb="4" eb="5">
      <t>トヨ</t>
    </rPh>
    <rPh sb="5" eb="6">
      <t>サト</t>
    </rPh>
    <rPh sb="6" eb="9">
      <t>ヨンチョウメ</t>
    </rPh>
    <phoneticPr fontId="3"/>
  </si>
  <si>
    <t>森本薬局</t>
    <rPh sb="0" eb="2">
      <t>モリモト</t>
    </rPh>
    <rPh sb="2" eb="4">
      <t>ヤッキョク</t>
    </rPh>
    <phoneticPr fontId="3"/>
  </si>
  <si>
    <t>東淀川区豊新四丁目２６－７</t>
    <rPh sb="0" eb="4">
      <t>ヒガシヨドガワク</t>
    </rPh>
    <rPh sb="4" eb="5">
      <t>トヨ</t>
    </rPh>
    <rPh sb="5" eb="6">
      <t>シン</t>
    </rPh>
    <rPh sb="6" eb="9">
      <t>ヨンチョウメ</t>
    </rPh>
    <phoneticPr fontId="3"/>
  </si>
  <si>
    <t>かるがも薬局　上新庄店</t>
    <rPh sb="4" eb="6">
      <t>ヤッキョク</t>
    </rPh>
    <rPh sb="7" eb="10">
      <t>カミシンジョウ</t>
    </rPh>
    <rPh sb="10" eb="11">
      <t>テン</t>
    </rPh>
    <phoneticPr fontId="3"/>
  </si>
  <si>
    <t>東淀川区豊新五丁目１８－１１</t>
    <rPh sb="0" eb="4">
      <t>ヒガシヨドガワク</t>
    </rPh>
    <rPh sb="4" eb="5">
      <t>トヨ</t>
    </rPh>
    <rPh sb="5" eb="6">
      <t>シン</t>
    </rPh>
    <rPh sb="6" eb="9">
      <t>ゴチョウメ</t>
    </rPh>
    <phoneticPr fontId="3"/>
  </si>
  <si>
    <t>東淀川区菅原六丁目２－２０</t>
    <rPh sb="0" eb="4">
      <t>ヒガシヨドガワク</t>
    </rPh>
    <rPh sb="4" eb="6">
      <t>スガワラ</t>
    </rPh>
    <rPh sb="6" eb="9">
      <t>ロクチョウメ</t>
    </rPh>
    <phoneticPr fontId="3"/>
  </si>
  <si>
    <t>中央薬局</t>
    <rPh sb="0" eb="2">
      <t>チュウオウ</t>
    </rPh>
    <rPh sb="2" eb="4">
      <t>ヤッキョク</t>
    </rPh>
    <phoneticPr fontId="3"/>
  </si>
  <si>
    <t>東淀川区小松四丁目１０－１２</t>
    <rPh sb="0" eb="4">
      <t>ヒガシヨドガワク</t>
    </rPh>
    <rPh sb="4" eb="6">
      <t>コマツ</t>
    </rPh>
    <rPh sb="6" eb="9">
      <t>ヨンチョウメ</t>
    </rPh>
    <phoneticPr fontId="3"/>
  </si>
  <si>
    <t>東淀川区菅原五丁目１１－２</t>
    <rPh sb="0" eb="4">
      <t>ヒガシヨドガワク</t>
    </rPh>
    <rPh sb="4" eb="6">
      <t>スガハラ</t>
    </rPh>
    <rPh sb="6" eb="9">
      <t>ゴチョウメ</t>
    </rPh>
    <phoneticPr fontId="3"/>
  </si>
  <si>
    <t>東淀川区下新庄五丁目１１－１２</t>
    <rPh sb="7" eb="10">
      <t>５チョウメ</t>
    </rPh>
    <phoneticPr fontId="8"/>
  </si>
  <si>
    <t>日生薬局</t>
    <rPh sb="0" eb="1">
      <t>ニチ</t>
    </rPh>
    <rPh sb="1" eb="2">
      <t>セイ</t>
    </rPh>
    <rPh sb="2" eb="4">
      <t>ヤッキョク</t>
    </rPh>
    <phoneticPr fontId="3"/>
  </si>
  <si>
    <t>東淀川区西淡路一丁目１８－１９</t>
    <rPh sb="0" eb="4">
      <t>ヒガシヨドガワク</t>
    </rPh>
    <rPh sb="4" eb="5">
      <t>ニシ</t>
    </rPh>
    <rPh sb="5" eb="7">
      <t>アワジ</t>
    </rPh>
    <rPh sb="7" eb="10">
      <t>イッチョウメ</t>
    </rPh>
    <phoneticPr fontId="3"/>
  </si>
  <si>
    <t>関西薬局</t>
    <rPh sb="0" eb="2">
      <t>カンサイ</t>
    </rPh>
    <phoneticPr fontId="3"/>
  </si>
  <si>
    <t>東淀川区井高野二丁目５－８　
井高野中央ビル　１階</t>
    <rPh sb="7" eb="10">
      <t>ニチョウメ</t>
    </rPh>
    <rPh sb="24" eb="25">
      <t>カイ</t>
    </rPh>
    <phoneticPr fontId="3"/>
  </si>
  <si>
    <t>有田薬局</t>
    <rPh sb="0" eb="2">
      <t>アリタ</t>
    </rPh>
    <rPh sb="2" eb="4">
      <t>ヤッキョク</t>
    </rPh>
    <phoneticPr fontId="3"/>
  </si>
  <si>
    <t>東淀川区豊新四丁目８－８</t>
    <rPh sb="0" eb="4">
      <t>ヒガシヨドガワク</t>
    </rPh>
    <rPh sb="4" eb="5">
      <t>トヨ</t>
    </rPh>
    <rPh sb="5" eb="6">
      <t>シン</t>
    </rPh>
    <rPh sb="6" eb="9">
      <t>ヨンチョウメ</t>
    </rPh>
    <phoneticPr fontId="3"/>
  </si>
  <si>
    <t>東淀川区相川二丁目１７－４</t>
    <rPh sb="6" eb="9">
      <t>ニチョウメ</t>
    </rPh>
    <phoneticPr fontId="3"/>
  </si>
  <si>
    <t>ひむか薬局　豊里店</t>
    <rPh sb="3" eb="5">
      <t>ヤッキョク</t>
    </rPh>
    <rPh sb="6" eb="7">
      <t>トヨ</t>
    </rPh>
    <rPh sb="7" eb="8">
      <t>サト</t>
    </rPh>
    <rPh sb="8" eb="9">
      <t>テン</t>
    </rPh>
    <phoneticPr fontId="3"/>
  </si>
  <si>
    <t>東淀川区豊里七丁目１９－２５</t>
    <rPh sb="0" eb="4">
      <t>ヒガシヨドガワク</t>
    </rPh>
    <rPh sb="4" eb="5">
      <t>トヨ</t>
    </rPh>
    <rPh sb="5" eb="6">
      <t>サト</t>
    </rPh>
    <rPh sb="6" eb="9">
      <t>ナナチョウメ</t>
    </rPh>
    <phoneticPr fontId="3"/>
  </si>
  <si>
    <t>みほ薬局</t>
    <rPh sb="2" eb="4">
      <t>ヤッキョク</t>
    </rPh>
    <phoneticPr fontId="3"/>
  </si>
  <si>
    <t>東淀川区北江口四丁目３－２７　
インペリアル江口Ｃ棟　１階</t>
    <rPh sb="0" eb="4">
      <t>ヒガシヨドガワク</t>
    </rPh>
    <rPh sb="4" eb="7">
      <t>キタエグチ</t>
    </rPh>
    <rPh sb="7" eb="10">
      <t>ヨンチョウメ</t>
    </rPh>
    <rPh sb="22" eb="24">
      <t>エグチ</t>
    </rPh>
    <rPh sb="25" eb="26">
      <t>トウ</t>
    </rPh>
    <rPh sb="28" eb="29">
      <t>カイ</t>
    </rPh>
    <phoneticPr fontId="3"/>
  </si>
  <si>
    <t>アワジ薬局</t>
    <rPh sb="3" eb="5">
      <t>ヤッキョク</t>
    </rPh>
    <phoneticPr fontId="3"/>
  </si>
  <si>
    <t>東淀川区淡路四丁目２０－３５</t>
    <rPh sb="0" eb="4">
      <t>ヒガシヨドガワク</t>
    </rPh>
    <rPh sb="4" eb="6">
      <t>アワジ</t>
    </rPh>
    <rPh sb="6" eb="9">
      <t>ヨンチョウメ</t>
    </rPh>
    <phoneticPr fontId="3"/>
  </si>
  <si>
    <t>日生薬局　上新庄店</t>
    <rPh sb="0" eb="2">
      <t>ヒナセ</t>
    </rPh>
    <rPh sb="2" eb="4">
      <t>ヤッキョク</t>
    </rPh>
    <rPh sb="5" eb="8">
      <t>カミシンジョウ</t>
    </rPh>
    <rPh sb="8" eb="9">
      <t>テン</t>
    </rPh>
    <phoneticPr fontId="3"/>
  </si>
  <si>
    <t>東淀川区上新庄一丁目６－３</t>
    <rPh sb="0" eb="4">
      <t>ヒガシヨドガワク</t>
    </rPh>
    <rPh sb="4" eb="7">
      <t>カミシンジョウ</t>
    </rPh>
    <rPh sb="7" eb="10">
      <t>イッチョウメ</t>
    </rPh>
    <phoneticPr fontId="3"/>
  </si>
  <si>
    <t>あけぼの薬局　上新庄店</t>
    <rPh sb="4" eb="6">
      <t>ヤッキョク</t>
    </rPh>
    <rPh sb="7" eb="10">
      <t>カミシンジョウ</t>
    </rPh>
    <rPh sb="10" eb="11">
      <t>テン</t>
    </rPh>
    <phoneticPr fontId="3"/>
  </si>
  <si>
    <t>東淀川区瑞光一丁目１２－１２　
シセイビル　１０５号</t>
    <rPh sb="0" eb="4">
      <t>ヒガシヨドガワク</t>
    </rPh>
    <rPh sb="4" eb="5">
      <t>ズイ</t>
    </rPh>
    <rPh sb="5" eb="6">
      <t>コウ</t>
    </rPh>
    <rPh sb="6" eb="7">
      <t>イチ</t>
    </rPh>
    <rPh sb="7" eb="9">
      <t>チョウメ</t>
    </rPh>
    <rPh sb="25" eb="26">
      <t>ゴウ</t>
    </rPh>
    <phoneticPr fontId="3"/>
  </si>
  <si>
    <t>東淀川区東中島一丁目１３－３５　
コボリマンション　１０３号</t>
    <rPh sb="0" eb="4">
      <t>ヒガシヨドガワク</t>
    </rPh>
    <rPh sb="4" eb="7">
      <t>ヒガシナカジマ</t>
    </rPh>
    <rPh sb="7" eb="10">
      <t>１チョウメ</t>
    </rPh>
    <rPh sb="29" eb="30">
      <t>ゴウ</t>
    </rPh>
    <phoneticPr fontId="3"/>
  </si>
  <si>
    <t>阪神調剤薬局　豊里店</t>
    <rPh sb="0" eb="2">
      <t>ハンシン</t>
    </rPh>
    <rPh sb="2" eb="4">
      <t>チョウザイ</t>
    </rPh>
    <rPh sb="4" eb="6">
      <t>ヤッキョク</t>
    </rPh>
    <rPh sb="7" eb="9">
      <t>トヨサト</t>
    </rPh>
    <rPh sb="9" eb="10">
      <t>テン</t>
    </rPh>
    <phoneticPr fontId="3"/>
  </si>
  <si>
    <t>東淀川区豊里五丁目２２－１９</t>
    <rPh sb="0" eb="4">
      <t>ヒガシヨドガワク</t>
    </rPh>
    <rPh sb="4" eb="5">
      <t>トヨ</t>
    </rPh>
    <rPh sb="5" eb="6">
      <t>サト</t>
    </rPh>
    <rPh sb="6" eb="9">
      <t>5チョウメ</t>
    </rPh>
    <phoneticPr fontId="3"/>
  </si>
  <si>
    <t>あかり薬局　井高野店</t>
    <rPh sb="3" eb="5">
      <t>ヤッキョク</t>
    </rPh>
    <rPh sb="6" eb="9">
      <t>イタカノ</t>
    </rPh>
    <rPh sb="9" eb="10">
      <t>テン</t>
    </rPh>
    <phoneticPr fontId="3"/>
  </si>
  <si>
    <t>東淀川区井高野三丁目３－６７</t>
    <rPh sb="0" eb="4">
      <t>ヒガシヨドガワク</t>
    </rPh>
    <rPh sb="4" eb="7">
      <t>イタカノ</t>
    </rPh>
    <rPh sb="7" eb="8">
      <t>３</t>
    </rPh>
    <rPh sb="8" eb="10">
      <t>チョウメ</t>
    </rPh>
    <phoneticPr fontId="3"/>
  </si>
  <si>
    <t>チェリー薬局</t>
    <rPh sb="4" eb="6">
      <t>ヤッキョク</t>
    </rPh>
    <phoneticPr fontId="3"/>
  </si>
  <si>
    <t>東淀川区瑞光一丁目７－１８　
ブロッサム瑞光　１階</t>
    <rPh sb="0" eb="4">
      <t>ヒガシヨドガワク</t>
    </rPh>
    <rPh sb="4" eb="6">
      <t>ズイコウ</t>
    </rPh>
    <rPh sb="6" eb="9">
      <t>1チョウメ</t>
    </rPh>
    <rPh sb="20" eb="22">
      <t>ズイコウ</t>
    </rPh>
    <rPh sb="24" eb="25">
      <t>カイ</t>
    </rPh>
    <phoneticPr fontId="3"/>
  </si>
  <si>
    <t>アビック薬局　淡路店</t>
    <rPh sb="4" eb="6">
      <t>ヤッキョク</t>
    </rPh>
    <rPh sb="7" eb="10">
      <t>アワジテン</t>
    </rPh>
    <phoneticPr fontId="3"/>
  </si>
  <si>
    <t>東淀川区東淡路四丁目２８－１４　
イーズメディテラス　１階</t>
    <rPh sb="0" eb="4">
      <t>ヒガシヨドガワク</t>
    </rPh>
    <rPh sb="4" eb="5">
      <t>ヒガシ</t>
    </rPh>
    <rPh sb="5" eb="7">
      <t>アワジ</t>
    </rPh>
    <rPh sb="7" eb="8">
      <t>４</t>
    </rPh>
    <rPh sb="8" eb="10">
      <t>チョウメ</t>
    </rPh>
    <rPh sb="28" eb="29">
      <t>カイ</t>
    </rPh>
    <phoneticPr fontId="3"/>
  </si>
  <si>
    <t>西薬局　東中島店</t>
    <rPh sb="0" eb="1">
      <t>ニシ</t>
    </rPh>
    <rPh sb="1" eb="3">
      <t>ヤッキョク</t>
    </rPh>
    <rPh sb="4" eb="7">
      <t>ヒガシナカジマ</t>
    </rPh>
    <rPh sb="7" eb="8">
      <t>テン</t>
    </rPh>
    <phoneticPr fontId="3"/>
  </si>
  <si>
    <t>東淀川区東中島二丁目２６－１０　
ユウアイビル　１階</t>
    <rPh sb="0" eb="4">
      <t>ヒガシヨドガワク</t>
    </rPh>
    <rPh sb="4" eb="7">
      <t>ヒガシナカジマ</t>
    </rPh>
    <rPh sb="7" eb="10">
      <t>ニチョウメ</t>
    </rPh>
    <rPh sb="25" eb="26">
      <t>カイ</t>
    </rPh>
    <phoneticPr fontId="3"/>
  </si>
  <si>
    <t>東淀川区東中島五丁目１８－２１</t>
    <rPh sb="0" eb="4">
      <t>ヒガシヨドガワク</t>
    </rPh>
    <rPh sb="4" eb="7">
      <t>ヒガシナカジマ</t>
    </rPh>
    <rPh sb="7" eb="10">
      <t>５チョウメ</t>
    </rPh>
    <phoneticPr fontId="3"/>
  </si>
  <si>
    <t>西薬局　柴島店</t>
    <rPh sb="0" eb="1">
      <t>ニシ</t>
    </rPh>
    <rPh sb="1" eb="3">
      <t>ヤッキョク</t>
    </rPh>
    <rPh sb="4" eb="6">
      <t>クニジマ</t>
    </rPh>
    <rPh sb="6" eb="7">
      <t>テン</t>
    </rPh>
    <phoneticPr fontId="3"/>
  </si>
  <si>
    <t>東淀川区柴島二丁目１２－２</t>
    <rPh sb="0" eb="4">
      <t>ヒガシヨドガワク</t>
    </rPh>
    <rPh sb="4" eb="6">
      <t>クニジマ</t>
    </rPh>
    <rPh sb="6" eb="9">
      <t>ニチョウメ</t>
    </rPh>
    <phoneticPr fontId="3"/>
  </si>
  <si>
    <t>東淀川区北江口三丁目７－９</t>
    <rPh sb="0" eb="4">
      <t>ヒガシヨドガワク</t>
    </rPh>
    <rPh sb="4" eb="5">
      <t>キタ</t>
    </rPh>
    <rPh sb="5" eb="7">
      <t>エグチ</t>
    </rPh>
    <rPh sb="7" eb="10">
      <t>３チョウメ</t>
    </rPh>
    <phoneticPr fontId="3"/>
  </si>
  <si>
    <t>りんご薬局</t>
    <rPh sb="3" eb="5">
      <t>ヤッキョク</t>
    </rPh>
    <phoneticPr fontId="3"/>
  </si>
  <si>
    <t>東淀川区淡路五丁目７－４</t>
    <rPh sb="0" eb="4">
      <t>ヒガシヨドガワク</t>
    </rPh>
    <rPh sb="4" eb="6">
      <t>アワジ</t>
    </rPh>
    <rPh sb="6" eb="9">
      <t>５チョウメ</t>
    </rPh>
    <phoneticPr fontId="3"/>
  </si>
  <si>
    <t>すばる調剤薬局　淡路店</t>
    <rPh sb="3" eb="5">
      <t>チョウザイ</t>
    </rPh>
    <rPh sb="5" eb="7">
      <t>ヤッキョク</t>
    </rPh>
    <rPh sb="8" eb="11">
      <t>アワジテン</t>
    </rPh>
    <phoneticPr fontId="3"/>
  </si>
  <si>
    <t>東淀川区淡路五丁目１－５　
ウェリントンⅡ　１階</t>
    <rPh sb="0" eb="4">
      <t>ヒガシヨドガワク</t>
    </rPh>
    <rPh sb="4" eb="6">
      <t>アワジ</t>
    </rPh>
    <rPh sb="6" eb="9">
      <t>５チョウメ</t>
    </rPh>
    <rPh sb="23" eb="24">
      <t>カイ</t>
    </rPh>
    <phoneticPr fontId="3"/>
  </si>
  <si>
    <t>サニー薬局　菅原店</t>
    <rPh sb="3" eb="5">
      <t>ヤッキョク</t>
    </rPh>
    <rPh sb="6" eb="8">
      <t>スガワラ</t>
    </rPh>
    <rPh sb="8" eb="9">
      <t>テン</t>
    </rPh>
    <phoneticPr fontId="3"/>
  </si>
  <si>
    <t>東淀川区菅原六丁目１８－１０</t>
    <rPh sb="0" eb="4">
      <t>ヒガシヨドガワク</t>
    </rPh>
    <rPh sb="4" eb="6">
      <t>スガワラ</t>
    </rPh>
    <rPh sb="6" eb="9">
      <t>ロクチョウメ</t>
    </rPh>
    <phoneticPr fontId="3"/>
  </si>
  <si>
    <t>たんぽぽ薬局　井高野店</t>
    <rPh sb="4" eb="6">
      <t>ヤッキョク</t>
    </rPh>
    <rPh sb="7" eb="9">
      <t>イダカ</t>
    </rPh>
    <rPh sb="9" eb="10">
      <t>ノ</t>
    </rPh>
    <rPh sb="10" eb="11">
      <t>テン</t>
    </rPh>
    <phoneticPr fontId="3"/>
  </si>
  <si>
    <t>東淀川区北江口四丁目１８－３　
ひまわり荘　１階</t>
    <rPh sb="0" eb="4">
      <t>ヒガシヨドガワク</t>
    </rPh>
    <rPh sb="4" eb="7">
      <t>キタエグチ</t>
    </rPh>
    <rPh sb="7" eb="10">
      <t>４チョウメ</t>
    </rPh>
    <rPh sb="20" eb="21">
      <t>ソウ</t>
    </rPh>
    <rPh sb="23" eb="24">
      <t>カイ</t>
    </rPh>
    <phoneticPr fontId="3"/>
  </si>
  <si>
    <t>祥漢堂薬局　西淡路店</t>
    <rPh sb="0" eb="1">
      <t>ショウ</t>
    </rPh>
    <rPh sb="1" eb="2">
      <t>カン</t>
    </rPh>
    <rPh sb="2" eb="3">
      <t>ドウ</t>
    </rPh>
    <rPh sb="3" eb="5">
      <t>ヤッキョク</t>
    </rPh>
    <rPh sb="6" eb="7">
      <t>ニシ</t>
    </rPh>
    <rPh sb="7" eb="9">
      <t>アワジ</t>
    </rPh>
    <rPh sb="9" eb="10">
      <t>テン</t>
    </rPh>
    <phoneticPr fontId="3"/>
  </si>
  <si>
    <t>東淀川区西淡路二丁目１５－１－１０３　
Ⅱメゾン林　</t>
    <rPh sb="0" eb="4">
      <t>ヒガシヨドガワク</t>
    </rPh>
    <rPh sb="4" eb="5">
      <t>ニシ</t>
    </rPh>
    <rPh sb="5" eb="7">
      <t>アワジ</t>
    </rPh>
    <rPh sb="7" eb="10">
      <t>２チョウメ</t>
    </rPh>
    <rPh sb="24" eb="25">
      <t>ハヤシ</t>
    </rPh>
    <phoneticPr fontId="3"/>
  </si>
  <si>
    <t>祥漢堂薬局　崇禅寺店</t>
    <rPh sb="0" eb="1">
      <t>ショウ</t>
    </rPh>
    <rPh sb="6" eb="7">
      <t>ソウ</t>
    </rPh>
    <rPh sb="7" eb="9">
      <t>ゼンジ</t>
    </rPh>
    <rPh sb="9" eb="10">
      <t>テン</t>
    </rPh>
    <phoneticPr fontId="3"/>
  </si>
  <si>
    <t>東淀川区東中島五丁目１６－１３</t>
    <rPh sb="0" eb="4">
      <t>ヒガシヨドガワク</t>
    </rPh>
    <rPh sb="4" eb="6">
      <t>ヒガシナカ</t>
    </rPh>
    <rPh sb="6" eb="7">
      <t>シマ</t>
    </rPh>
    <rPh sb="7" eb="8">
      <t>５</t>
    </rPh>
    <rPh sb="8" eb="10">
      <t>チョウメ</t>
    </rPh>
    <phoneticPr fontId="3"/>
  </si>
  <si>
    <t>コスモスミルフィー薬局　小松店</t>
    <rPh sb="9" eb="11">
      <t>ヤッキョク</t>
    </rPh>
    <rPh sb="12" eb="14">
      <t>コマツ</t>
    </rPh>
    <rPh sb="14" eb="15">
      <t>テン</t>
    </rPh>
    <phoneticPr fontId="3"/>
  </si>
  <si>
    <t>東淀川区小松一丁目１０－３０　
１階</t>
    <rPh sb="0" eb="4">
      <t>ヒガシヨドガワク</t>
    </rPh>
    <rPh sb="4" eb="6">
      <t>コマツ</t>
    </rPh>
    <rPh sb="6" eb="9">
      <t>１チョウメ</t>
    </rPh>
    <rPh sb="17" eb="18">
      <t>カイ</t>
    </rPh>
    <phoneticPr fontId="3"/>
  </si>
  <si>
    <t>アカカベ薬局　上新庄店</t>
    <rPh sb="4" eb="6">
      <t>ヤッキョク</t>
    </rPh>
    <rPh sb="7" eb="10">
      <t>カミシンジョウ</t>
    </rPh>
    <rPh sb="10" eb="11">
      <t>テン</t>
    </rPh>
    <phoneticPr fontId="3"/>
  </si>
  <si>
    <t>東淀川区小松一丁目７－１５　
アラ･ロマーナ　Ｔａｍａｔａｎｉ　１階</t>
    <rPh sb="0" eb="4">
      <t>ヒガシヨドガワク</t>
    </rPh>
    <rPh sb="4" eb="6">
      <t>コマツ</t>
    </rPh>
    <rPh sb="6" eb="9">
      <t>１チョウメ</t>
    </rPh>
    <rPh sb="33" eb="34">
      <t>カイ</t>
    </rPh>
    <phoneticPr fontId="3"/>
  </si>
  <si>
    <t>あおぞら薬局　淡路店</t>
    <rPh sb="4" eb="6">
      <t>ヤッキョク</t>
    </rPh>
    <rPh sb="7" eb="9">
      <t>アワジ</t>
    </rPh>
    <rPh sb="9" eb="10">
      <t>テン</t>
    </rPh>
    <phoneticPr fontId="3"/>
  </si>
  <si>
    <t>東淀川区西淡路五丁目１１－１４</t>
    <rPh sb="0" eb="4">
      <t>ヒガシヨドガワク</t>
    </rPh>
    <rPh sb="4" eb="5">
      <t>ニシ</t>
    </rPh>
    <rPh sb="5" eb="7">
      <t>アワジ</t>
    </rPh>
    <rPh sb="7" eb="10">
      <t>５チョウメ</t>
    </rPh>
    <phoneticPr fontId="3"/>
  </si>
  <si>
    <t>東淀川薬局　柴島店</t>
    <rPh sb="0" eb="3">
      <t>ヒガシヨドガワ</t>
    </rPh>
    <rPh sb="3" eb="5">
      <t>ヤッキョク</t>
    </rPh>
    <rPh sb="6" eb="8">
      <t>クニジマ</t>
    </rPh>
    <rPh sb="8" eb="9">
      <t>テン</t>
    </rPh>
    <phoneticPr fontId="3"/>
  </si>
  <si>
    <t>東淀川区柴島二丁目１２－１</t>
    <rPh sb="0" eb="4">
      <t>ヒガシヨドガワク</t>
    </rPh>
    <rPh sb="4" eb="6">
      <t>クニジマ</t>
    </rPh>
    <rPh sb="6" eb="9">
      <t>２チョウメ</t>
    </rPh>
    <phoneticPr fontId="3"/>
  </si>
  <si>
    <t>東淀川区豊新五丁目１６－１６　
１階</t>
    <rPh sb="0" eb="4">
      <t>ヒガシヨドガワク</t>
    </rPh>
    <rPh sb="4" eb="6">
      <t>ホウシン</t>
    </rPh>
    <rPh sb="6" eb="9">
      <t>５チョウメ</t>
    </rPh>
    <rPh sb="17" eb="18">
      <t>カイ</t>
    </rPh>
    <phoneticPr fontId="3"/>
  </si>
  <si>
    <t>きらら薬局</t>
    <rPh sb="3" eb="5">
      <t>ヤッキョク</t>
    </rPh>
    <phoneticPr fontId="3"/>
  </si>
  <si>
    <t>東淀川区瑞光四丁目７－１４　
１階</t>
    <rPh sb="0" eb="4">
      <t>ヒガシヨドガワク</t>
    </rPh>
    <rPh sb="4" eb="6">
      <t>ズイコウ</t>
    </rPh>
    <rPh sb="6" eb="9">
      <t>４チョウメ</t>
    </rPh>
    <rPh sb="16" eb="17">
      <t>カイ</t>
    </rPh>
    <phoneticPr fontId="3"/>
  </si>
  <si>
    <t>ペガサス淡路薬局</t>
    <rPh sb="4" eb="6">
      <t>アワジ</t>
    </rPh>
    <rPh sb="6" eb="8">
      <t>ヤッキョク</t>
    </rPh>
    <phoneticPr fontId="3"/>
  </si>
  <si>
    <t>東淀川区淡路四丁目８－１９　
１階</t>
    <rPh sb="0" eb="4">
      <t>ヒガシヨドガワク</t>
    </rPh>
    <rPh sb="4" eb="6">
      <t>アワジ</t>
    </rPh>
    <rPh sb="6" eb="9">
      <t>４チョウメ</t>
    </rPh>
    <rPh sb="16" eb="17">
      <t>カイ</t>
    </rPh>
    <phoneticPr fontId="3"/>
  </si>
  <si>
    <t>クレヨンミルミル薬局</t>
    <rPh sb="8" eb="10">
      <t>ヤッキョク</t>
    </rPh>
    <phoneticPr fontId="3"/>
  </si>
  <si>
    <t>東淀川区淡路二丁目１６－６－１０２　
シンプルコート</t>
    <rPh sb="0" eb="1">
      <t>ヒガシ</t>
    </rPh>
    <rPh sb="1" eb="4">
      <t>ヨドガワク</t>
    </rPh>
    <rPh sb="4" eb="6">
      <t>アワジ</t>
    </rPh>
    <rPh sb="6" eb="9">
      <t>ニチョウメ</t>
    </rPh>
    <phoneticPr fontId="3"/>
  </si>
  <si>
    <t>サニー薬局　上新庄店</t>
    <rPh sb="3" eb="5">
      <t>ヤッキョク</t>
    </rPh>
    <rPh sb="6" eb="9">
      <t>カミシンジョウ</t>
    </rPh>
    <rPh sb="9" eb="10">
      <t>ミセ</t>
    </rPh>
    <phoneticPr fontId="3"/>
  </si>
  <si>
    <t>東淀川区豊新四丁目３－１－Ｃ</t>
    <rPh sb="0" eb="4">
      <t>ヒガシヨドガワク</t>
    </rPh>
    <rPh sb="4" eb="6">
      <t>ホウシン</t>
    </rPh>
    <rPh sb="6" eb="9">
      <t>ヨンチョウメ</t>
    </rPh>
    <phoneticPr fontId="3"/>
  </si>
  <si>
    <t>スティア薬局　菅原店</t>
    <rPh sb="4" eb="6">
      <t>ヤッキョク</t>
    </rPh>
    <rPh sb="7" eb="9">
      <t>スガワラ</t>
    </rPh>
    <rPh sb="9" eb="10">
      <t>ミセ</t>
    </rPh>
    <phoneticPr fontId="3"/>
  </si>
  <si>
    <t>東淀川区菅原七丁目９－１２　
ロイヤルハイツ菅原　１階</t>
    <rPh sb="0" eb="4">
      <t>ヒガシヨドガワク</t>
    </rPh>
    <rPh sb="4" eb="6">
      <t>スガワラ</t>
    </rPh>
    <rPh sb="6" eb="9">
      <t>ナナチョウメ</t>
    </rPh>
    <rPh sb="22" eb="24">
      <t>スガワラ</t>
    </rPh>
    <rPh sb="26" eb="27">
      <t>カイ</t>
    </rPh>
    <phoneticPr fontId="3"/>
  </si>
  <si>
    <t>ありた薬局　駅前店</t>
    <rPh sb="3" eb="5">
      <t>ヤッキョク</t>
    </rPh>
    <rPh sb="6" eb="8">
      <t>エキマエ</t>
    </rPh>
    <rPh sb="8" eb="9">
      <t>ミセ</t>
    </rPh>
    <phoneticPr fontId="3"/>
  </si>
  <si>
    <t>東淀川区小松一丁目１２－２４</t>
    <rPh sb="0" eb="4">
      <t>ヒガシヨドガワク</t>
    </rPh>
    <rPh sb="4" eb="6">
      <t>コマツ</t>
    </rPh>
    <rPh sb="6" eb="9">
      <t>イッチョウメ</t>
    </rPh>
    <phoneticPr fontId="3"/>
  </si>
  <si>
    <t>有田薬局　小松店</t>
    <rPh sb="0" eb="2">
      <t>アリタ</t>
    </rPh>
    <rPh sb="2" eb="4">
      <t>ヤッキョク</t>
    </rPh>
    <rPh sb="5" eb="7">
      <t>コマツ</t>
    </rPh>
    <rPh sb="7" eb="8">
      <t>ミセ</t>
    </rPh>
    <phoneticPr fontId="3"/>
  </si>
  <si>
    <t>東淀川区小松一丁目９－６</t>
    <rPh sb="0" eb="4">
      <t>ヒガシヨドガワク</t>
    </rPh>
    <rPh sb="4" eb="6">
      <t>コマツ</t>
    </rPh>
    <rPh sb="6" eb="9">
      <t>イッチョウメ</t>
    </rPh>
    <phoneticPr fontId="3"/>
  </si>
  <si>
    <t>生島薬局</t>
    <rPh sb="0" eb="2">
      <t>イクシマ</t>
    </rPh>
    <phoneticPr fontId="3"/>
  </si>
  <si>
    <t>東淀川区下新庄四丁目８－１７</t>
    <rPh sb="0" eb="4">
      <t>ヒガシヨドガワク</t>
    </rPh>
    <rPh sb="4" eb="7">
      <t>シモシンジョウ</t>
    </rPh>
    <rPh sb="7" eb="10">
      <t>ヨンチョウメ</t>
    </rPh>
    <phoneticPr fontId="3"/>
  </si>
  <si>
    <t>コタニ薬局</t>
    <rPh sb="3" eb="5">
      <t>ヤッキョク</t>
    </rPh>
    <phoneticPr fontId="3"/>
  </si>
  <si>
    <t>東淀川区東淡路四丁目３３－５　
イーストＰ－１ビル</t>
    <rPh sb="0" eb="4">
      <t>ヒガシヨドガワク</t>
    </rPh>
    <rPh sb="4" eb="5">
      <t>ヒガシ</t>
    </rPh>
    <rPh sb="5" eb="7">
      <t>アワジ</t>
    </rPh>
    <rPh sb="7" eb="10">
      <t>ヨンチョウメ</t>
    </rPh>
    <phoneticPr fontId="3"/>
  </si>
  <si>
    <t>あい薬局　豊里店</t>
    <rPh sb="2" eb="4">
      <t>ヤッキョク</t>
    </rPh>
    <rPh sb="5" eb="7">
      <t>トヨサト</t>
    </rPh>
    <rPh sb="7" eb="8">
      <t>テン</t>
    </rPh>
    <phoneticPr fontId="3"/>
  </si>
  <si>
    <t>東淀川区豊里七丁目２－２９</t>
    <rPh sb="0" eb="4">
      <t>ヒガシヨドガワク</t>
    </rPh>
    <rPh sb="4" eb="6">
      <t>トヨサト</t>
    </rPh>
    <rPh sb="6" eb="9">
      <t>ナナチョウメ</t>
    </rPh>
    <phoneticPr fontId="3"/>
  </si>
  <si>
    <t>3003077</t>
  </si>
  <si>
    <t>江口堂薬局</t>
    <rPh sb="0" eb="2">
      <t>エグチ</t>
    </rPh>
    <rPh sb="2" eb="3">
      <t>ドウ</t>
    </rPh>
    <rPh sb="3" eb="5">
      <t>ヤッキョク</t>
    </rPh>
    <phoneticPr fontId="3"/>
  </si>
  <si>
    <t>東淀川区南江口三丁目１－６０</t>
    <rPh sb="0" eb="4">
      <t>ヒガシヨドガワク</t>
    </rPh>
    <rPh sb="4" eb="7">
      <t>ミナミエグチ</t>
    </rPh>
    <rPh sb="7" eb="10">
      <t>サンチョウメ</t>
    </rPh>
    <phoneticPr fontId="3"/>
  </si>
  <si>
    <t>オレンジ薬局　豊新店</t>
    <rPh sb="4" eb="6">
      <t>ヤッキョク</t>
    </rPh>
    <rPh sb="7" eb="8">
      <t>ユタカ</t>
    </rPh>
    <rPh sb="8" eb="9">
      <t>シン</t>
    </rPh>
    <rPh sb="9" eb="10">
      <t>テン</t>
    </rPh>
    <phoneticPr fontId="3"/>
  </si>
  <si>
    <t>東淀川区豊新一丁目１－１　
豊新ガーデンハイツ　１階　１０１号</t>
    <rPh sb="0" eb="4">
      <t>ヒガシヨドガワク</t>
    </rPh>
    <rPh sb="4" eb="6">
      <t>ホウシン</t>
    </rPh>
    <rPh sb="6" eb="9">
      <t>イッチョウメ</t>
    </rPh>
    <rPh sb="14" eb="16">
      <t>ホウシン</t>
    </rPh>
    <rPh sb="25" eb="26">
      <t>カイ</t>
    </rPh>
    <rPh sb="30" eb="31">
      <t>ゴウ</t>
    </rPh>
    <phoneticPr fontId="3"/>
  </si>
  <si>
    <t>東淀川区</t>
  </si>
  <si>
    <t>3003093</t>
  </si>
  <si>
    <t>東淀川区東淡路四丁目１７－１７　
１階</t>
    <rPh sb="0" eb="4">
      <t>ヒガシヨドガワク</t>
    </rPh>
    <rPh sb="4" eb="5">
      <t>ヒガシ</t>
    </rPh>
    <rPh sb="5" eb="7">
      <t>アワジ</t>
    </rPh>
    <rPh sb="7" eb="10">
      <t>ヨンチョウメ</t>
    </rPh>
    <rPh sb="18" eb="19">
      <t>カイ</t>
    </rPh>
    <phoneticPr fontId="3"/>
  </si>
  <si>
    <t>3003101</t>
  </si>
  <si>
    <t>ウエルシア薬局　東淀川東淡路店</t>
    <rPh sb="5" eb="7">
      <t>ヤッキョク</t>
    </rPh>
    <rPh sb="8" eb="11">
      <t>ヒガシヨドガワ</t>
    </rPh>
    <rPh sb="11" eb="12">
      <t>ヒガシ</t>
    </rPh>
    <rPh sb="12" eb="14">
      <t>アワジ</t>
    </rPh>
    <rPh sb="14" eb="15">
      <t>テン</t>
    </rPh>
    <phoneticPr fontId="3"/>
  </si>
  <si>
    <t>555-0023</t>
  </si>
  <si>
    <t>東淀川区東淡路一丁目７－１７</t>
    <rPh sb="0" eb="4">
      <t>ヒガシヨドガワク</t>
    </rPh>
    <rPh sb="4" eb="7">
      <t>ヒガシアワジ</t>
    </rPh>
    <rPh sb="7" eb="10">
      <t>イッチョウメ</t>
    </rPh>
    <phoneticPr fontId="3"/>
  </si>
  <si>
    <t>東淀川区</t>
    <rPh sb="3" eb="4">
      <t>ク</t>
    </rPh>
    <phoneticPr fontId="3"/>
  </si>
  <si>
    <t>3003119</t>
  </si>
  <si>
    <t>東淀川ハートフル薬局</t>
    <rPh sb="0" eb="3">
      <t>ヒガシヨドガワ</t>
    </rPh>
    <rPh sb="8" eb="10">
      <t>ヤッキョク</t>
    </rPh>
    <phoneticPr fontId="3"/>
  </si>
  <si>
    <t>東淀川区豊新一丁目２１－２９
１階</t>
    <rPh sb="0" eb="4">
      <t>ヒガシヨドガワク</t>
    </rPh>
    <rPh sb="4" eb="6">
      <t>ホウシン</t>
    </rPh>
    <rPh sb="6" eb="9">
      <t>イッチョウメ</t>
    </rPh>
    <rPh sb="16" eb="17">
      <t>カイ</t>
    </rPh>
    <phoneticPr fontId="3"/>
  </si>
  <si>
    <t>3003127</t>
  </si>
  <si>
    <t>阪神調剤薬局　阪急上新庄店</t>
    <rPh sb="0" eb="4">
      <t>ハンシンチョウザイ</t>
    </rPh>
    <rPh sb="4" eb="6">
      <t>ヤッキョク</t>
    </rPh>
    <rPh sb="7" eb="9">
      <t>ハンキュウ</t>
    </rPh>
    <rPh sb="9" eb="13">
      <t>カミシンジョウテン</t>
    </rPh>
    <phoneticPr fontId="3"/>
  </si>
  <si>
    <t>東淀川区上新庄二丁目２４－２３
上新庄阪急ビル　３階</t>
    <rPh sb="0" eb="4">
      <t>ヒガシヨドガワク</t>
    </rPh>
    <rPh sb="4" eb="7">
      <t>カミシンジョウ</t>
    </rPh>
    <rPh sb="7" eb="10">
      <t>ニチョウメ</t>
    </rPh>
    <rPh sb="16" eb="19">
      <t>カミシンジョウ</t>
    </rPh>
    <rPh sb="19" eb="21">
      <t>ハンキュウ</t>
    </rPh>
    <rPh sb="25" eb="26">
      <t>ガイ</t>
    </rPh>
    <phoneticPr fontId="3"/>
  </si>
  <si>
    <t>3003135</t>
  </si>
  <si>
    <t>東淀川薬局　崇禅寺店</t>
    <rPh sb="0" eb="3">
      <t>ヒガシヨドガワ</t>
    </rPh>
    <rPh sb="3" eb="5">
      <t>ヤッキョク</t>
    </rPh>
    <rPh sb="6" eb="9">
      <t>ソウゼンジ</t>
    </rPh>
    <rPh sb="9" eb="10">
      <t>テン</t>
    </rPh>
    <phoneticPr fontId="3"/>
  </si>
  <si>
    <t>東成区</t>
    <rPh sb="0" eb="3">
      <t>ヒガシナリク</t>
    </rPh>
    <phoneticPr fontId="3"/>
  </si>
  <si>
    <t>筒井薬局</t>
    <rPh sb="0" eb="2">
      <t>ツツイ</t>
    </rPh>
    <rPh sb="2" eb="4">
      <t>ヤッキョク</t>
    </rPh>
    <phoneticPr fontId="3"/>
  </si>
  <si>
    <t>東成区深江南三丁目１５－１４</t>
    <rPh sb="0" eb="3">
      <t>ヒガシナリク</t>
    </rPh>
    <rPh sb="3" eb="6">
      <t>フカエミナミ</t>
    </rPh>
    <rPh sb="6" eb="9">
      <t>サンチョウメ</t>
    </rPh>
    <phoneticPr fontId="3"/>
  </si>
  <si>
    <t>福田薬局</t>
    <rPh sb="0" eb="2">
      <t>フクダ</t>
    </rPh>
    <rPh sb="2" eb="4">
      <t>ヤッキョク</t>
    </rPh>
    <phoneticPr fontId="3"/>
  </si>
  <si>
    <t>東成区大今里西三丁目３－３</t>
    <rPh sb="0" eb="3">
      <t>ヒガシナリク</t>
    </rPh>
    <rPh sb="3" eb="6">
      <t>オオイマザト</t>
    </rPh>
    <rPh sb="6" eb="7">
      <t>ニシ</t>
    </rPh>
    <rPh sb="7" eb="10">
      <t>サンチョウメ</t>
    </rPh>
    <phoneticPr fontId="3"/>
  </si>
  <si>
    <t>ヒカリ保健薬局</t>
    <rPh sb="3" eb="5">
      <t>ホケン</t>
    </rPh>
    <rPh sb="5" eb="7">
      <t>ヤッキョク</t>
    </rPh>
    <phoneticPr fontId="3"/>
  </si>
  <si>
    <t>東成区深江南一丁目９－１９</t>
    <rPh sb="0" eb="3">
      <t>ヒガシナリク</t>
    </rPh>
    <rPh sb="3" eb="6">
      <t>フカエミナミ</t>
    </rPh>
    <rPh sb="6" eb="9">
      <t>イッチョウメ</t>
    </rPh>
    <phoneticPr fontId="3"/>
  </si>
  <si>
    <t>太田薬局</t>
    <rPh sb="0" eb="2">
      <t>オオタ</t>
    </rPh>
    <rPh sb="2" eb="4">
      <t>ヤッキョク</t>
    </rPh>
    <phoneticPr fontId="3"/>
  </si>
  <si>
    <t>東成区東中本一丁目１０－１２</t>
    <rPh sb="0" eb="3">
      <t>ヒガシナリク</t>
    </rPh>
    <rPh sb="3" eb="6">
      <t>ヒガシナカモト</t>
    </rPh>
    <rPh sb="6" eb="9">
      <t>イッチョウメ</t>
    </rPh>
    <phoneticPr fontId="3"/>
  </si>
  <si>
    <t>東成区大今里三丁目３－３</t>
    <rPh sb="6" eb="9">
      <t>サンチョウメ</t>
    </rPh>
    <phoneticPr fontId="3"/>
  </si>
  <si>
    <t>ナルト薬局</t>
    <rPh sb="3" eb="5">
      <t>ヤッキョク</t>
    </rPh>
    <phoneticPr fontId="3"/>
  </si>
  <si>
    <t>東成区大今里一丁目３０－２４</t>
    <rPh sb="0" eb="3">
      <t>ヒガシナリク</t>
    </rPh>
    <rPh sb="3" eb="6">
      <t>オオイマザト</t>
    </rPh>
    <rPh sb="6" eb="9">
      <t>イッチョウメ</t>
    </rPh>
    <phoneticPr fontId="3"/>
  </si>
  <si>
    <t>サン薬局</t>
    <rPh sb="2" eb="4">
      <t>ヤッキョク</t>
    </rPh>
    <phoneticPr fontId="3"/>
  </si>
  <si>
    <t>東成区中本三丁目１５－８　
店舗１</t>
    <rPh sb="0" eb="3">
      <t>ヒガシナリク</t>
    </rPh>
    <rPh sb="3" eb="5">
      <t>ナカモト</t>
    </rPh>
    <rPh sb="5" eb="8">
      <t>サンチョウメ</t>
    </rPh>
    <rPh sb="14" eb="16">
      <t>テンポ</t>
    </rPh>
    <phoneticPr fontId="3"/>
  </si>
  <si>
    <t>光正薬局</t>
    <rPh sb="0" eb="1">
      <t>ヒカ</t>
    </rPh>
    <rPh sb="1" eb="2">
      <t>セイ</t>
    </rPh>
    <rPh sb="2" eb="4">
      <t>ヤッキョク</t>
    </rPh>
    <phoneticPr fontId="3"/>
  </si>
  <si>
    <t>東成区東中本二丁目６－３０　
中野ハイツ緑橋</t>
    <rPh sb="0" eb="3">
      <t>ヒガシナリク</t>
    </rPh>
    <rPh sb="3" eb="6">
      <t>ヒガシナカモト</t>
    </rPh>
    <rPh sb="6" eb="9">
      <t>ニチョウメ</t>
    </rPh>
    <rPh sb="15" eb="17">
      <t>ナカノ</t>
    </rPh>
    <rPh sb="20" eb="21">
      <t>ミドリ</t>
    </rPh>
    <rPh sb="21" eb="22">
      <t>バシ</t>
    </rPh>
    <phoneticPr fontId="3"/>
  </si>
  <si>
    <t>中尾天牛堂薬局</t>
    <rPh sb="0" eb="2">
      <t>ナカオ</t>
    </rPh>
    <rPh sb="2" eb="3">
      <t>テン</t>
    </rPh>
    <rPh sb="3" eb="4">
      <t>ギュウ</t>
    </rPh>
    <rPh sb="4" eb="5">
      <t>ドウ</t>
    </rPh>
    <rPh sb="5" eb="7">
      <t>ヤッキョク</t>
    </rPh>
    <phoneticPr fontId="3"/>
  </si>
  <si>
    <t>東成区大今里二丁目３４－１８</t>
    <rPh sb="0" eb="3">
      <t>ヒガシナリク</t>
    </rPh>
    <rPh sb="3" eb="6">
      <t>オオイマザト</t>
    </rPh>
    <rPh sb="6" eb="9">
      <t>ニチョウメ</t>
    </rPh>
    <phoneticPr fontId="3"/>
  </si>
  <si>
    <t>森ノ宮薬局</t>
    <rPh sb="0" eb="1">
      <t>モリ</t>
    </rPh>
    <rPh sb="2" eb="3">
      <t>ミヤ</t>
    </rPh>
    <rPh sb="3" eb="5">
      <t>ヤッキョク</t>
    </rPh>
    <phoneticPr fontId="3"/>
  </si>
  <si>
    <t>東成区中道一丁目４－２－１０３</t>
    <rPh sb="0" eb="3">
      <t>ヒガシナリク</t>
    </rPh>
    <rPh sb="3" eb="5">
      <t>ナカミチ</t>
    </rPh>
    <rPh sb="5" eb="8">
      <t>イッチョウメ</t>
    </rPh>
    <phoneticPr fontId="3"/>
  </si>
  <si>
    <t>西野薬局</t>
    <rPh sb="0" eb="2">
      <t>ニシノ</t>
    </rPh>
    <rPh sb="2" eb="4">
      <t>ヤッキョク</t>
    </rPh>
    <phoneticPr fontId="3"/>
  </si>
  <si>
    <t>東成区大今里南三丁目７－１１</t>
    <rPh sb="0" eb="3">
      <t>ヒガシナリク</t>
    </rPh>
    <rPh sb="3" eb="6">
      <t>オオイマザト</t>
    </rPh>
    <rPh sb="6" eb="7">
      <t>ミナミ</t>
    </rPh>
    <rPh sb="7" eb="10">
      <t>サンチョウメ</t>
    </rPh>
    <phoneticPr fontId="3"/>
  </si>
  <si>
    <t>東成区深江北一丁目３－２０　
１階</t>
    <rPh sb="0" eb="3">
      <t>ヒガシナリク</t>
    </rPh>
    <rPh sb="3" eb="6">
      <t>フカエキタ</t>
    </rPh>
    <rPh sb="6" eb="9">
      <t>イッチョウメ</t>
    </rPh>
    <rPh sb="16" eb="17">
      <t>カイ</t>
    </rPh>
    <phoneticPr fontId="3"/>
  </si>
  <si>
    <t>グリーン薬局</t>
    <rPh sb="4" eb="6">
      <t>ヤッキョク</t>
    </rPh>
    <phoneticPr fontId="3"/>
  </si>
  <si>
    <t>東成区中道一丁目１－１</t>
    <rPh sb="0" eb="3">
      <t>ヒガシナリク</t>
    </rPh>
    <rPh sb="3" eb="5">
      <t>ナカミチ</t>
    </rPh>
    <rPh sb="5" eb="8">
      <t>イッチョウメ</t>
    </rPh>
    <phoneticPr fontId="3"/>
  </si>
  <si>
    <t>ヨシダ薬局</t>
    <rPh sb="3" eb="5">
      <t>ヤッキョク</t>
    </rPh>
    <phoneticPr fontId="3"/>
  </si>
  <si>
    <t>東成区東中本二丁目８－７</t>
    <rPh sb="0" eb="3">
      <t>ヒガシナリク</t>
    </rPh>
    <rPh sb="3" eb="6">
      <t>ヒガシナカモト</t>
    </rPh>
    <rPh sb="6" eb="9">
      <t>ニチョウメ</t>
    </rPh>
    <phoneticPr fontId="3"/>
  </si>
  <si>
    <t>今里パール薬局</t>
    <rPh sb="0" eb="2">
      <t>イマザト</t>
    </rPh>
    <rPh sb="5" eb="7">
      <t>ヤッキョク</t>
    </rPh>
    <phoneticPr fontId="3"/>
  </si>
  <si>
    <t>東成区大今里南一丁目１２－１３　
かしの木ビル　１階</t>
    <rPh sb="0" eb="3">
      <t>ヒガシナリク</t>
    </rPh>
    <rPh sb="3" eb="6">
      <t>オオイマザト</t>
    </rPh>
    <rPh sb="6" eb="7">
      <t>ミナミ</t>
    </rPh>
    <rPh sb="7" eb="10">
      <t>イッチョウメ</t>
    </rPh>
    <rPh sb="20" eb="21">
      <t>キ</t>
    </rPh>
    <rPh sb="25" eb="26">
      <t>カイ</t>
    </rPh>
    <phoneticPr fontId="3"/>
  </si>
  <si>
    <t>コスモ薬局</t>
    <rPh sb="3" eb="5">
      <t>ヤッキョク</t>
    </rPh>
    <phoneticPr fontId="3"/>
  </si>
  <si>
    <t>東成区東小橋三丁目１８－１</t>
    <rPh sb="0" eb="2">
      <t>ヒガシナリ</t>
    </rPh>
    <rPh sb="2" eb="3">
      <t>ク</t>
    </rPh>
    <rPh sb="3" eb="4">
      <t>ヒガシ</t>
    </rPh>
    <rPh sb="4" eb="6">
      <t>コバシ</t>
    </rPh>
    <rPh sb="6" eb="9">
      <t>サンチョウメ</t>
    </rPh>
    <phoneticPr fontId="3"/>
  </si>
  <si>
    <t>ダルマ薬局</t>
    <rPh sb="3" eb="5">
      <t>ヤッキョク</t>
    </rPh>
    <phoneticPr fontId="3"/>
  </si>
  <si>
    <t>東成区中道二丁目２５－１６</t>
    <rPh sb="0" eb="3">
      <t>ヒガシナリク</t>
    </rPh>
    <rPh sb="3" eb="5">
      <t>ナカミチ</t>
    </rPh>
    <rPh sb="5" eb="8">
      <t>ニチョウメ</t>
    </rPh>
    <phoneticPr fontId="3"/>
  </si>
  <si>
    <t>フラワー薬局　緑橋店</t>
    <rPh sb="4" eb="6">
      <t>ヤッキョク</t>
    </rPh>
    <rPh sb="7" eb="8">
      <t>ミドリ</t>
    </rPh>
    <rPh sb="8" eb="9">
      <t>バシ</t>
    </rPh>
    <rPh sb="9" eb="10">
      <t>テン</t>
    </rPh>
    <phoneticPr fontId="3"/>
  </si>
  <si>
    <t>東成区東中本一丁目１５－１０</t>
    <rPh sb="0" eb="3">
      <t>ヒガシナリク</t>
    </rPh>
    <rPh sb="3" eb="6">
      <t>ヒガシナカモト</t>
    </rPh>
    <rPh sb="6" eb="9">
      <t>イッチョウメ</t>
    </rPh>
    <phoneticPr fontId="3"/>
  </si>
  <si>
    <t>東成区中道四丁目１４－２５　
ステラートコート玉造　１階</t>
    <rPh sb="0" eb="3">
      <t>ヒガシナリク</t>
    </rPh>
    <rPh sb="3" eb="5">
      <t>ナカミチ</t>
    </rPh>
    <rPh sb="5" eb="8">
      <t>ヨンチョウメ</t>
    </rPh>
    <rPh sb="23" eb="25">
      <t>タマツクリ</t>
    </rPh>
    <rPh sb="27" eb="28">
      <t>カイ</t>
    </rPh>
    <phoneticPr fontId="3"/>
  </si>
  <si>
    <t>カエデ薬局</t>
    <rPh sb="3" eb="5">
      <t>ヤッキョク</t>
    </rPh>
    <phoneticPr fontId="3"/>
  </si>
  <si>
    <t>東成区中本二丁目７－１５</t>
    <rPh sb="0" eb="3">
      <t>ヒガシナリク</t>
    </rPh>
    <rPh sb="3" eb="5">
      <t>ナカモト</t>
    </rPh>
    <rPh sb="5" eb="8">
      <t>ニチョウメ</t>
    </rPh>
    <phoneticPr fontId="3"/>
  </si>
  <si>
    <t>のぞみ薬局　今里店</t>
    <rPh sb="3" eb="5">
      <t>ヤッキョク</t>
    </rPh>
    <rPh sb="6" eb="8">
      <t>イマザト</t>
    </rPh>
    <rPh sb="8" eb="9">
      <t>テン</t>
    </rPh>
    <phoneticPr fontId="3"/>
  </si>
  <si>
    <t>東成区大今里一丁目３４－１４</t>
    <rPh sb="0" eb="3">
      <t>ヒガシナリク</t>
    </rPh>
    <rPh sb="3" eb="6">
      <t>オオイマザト</t>
    </rPh>
    <rPh sb="6" eb="9">
      <t>イッチョウメ</t>
    </rPh>
    <phoneticPr fontId="3"/>
  </si>
  <si>
    <t>東成区大今里一丁目２６－４</t>
    <rPh sb="0" eb="3">
      <t>ヒガシナリク</t>
    </rPh>
    <rPh sb="3" eb="6">
      <t>オオイマザト</t>
    </rPh>
    <rPh sb="6" eb="9">
      <t>イッチョウメ</t>
    </rPh>
    <phoneticPr fontId="3"/>
  </si>
  <si>
    <t>コトブキ保健薬局</t>
    <rPh sb="4" eb="6">
      <t>ホケン</t>
    </rPh>
    <rPh sb="6" eb="8">
      <t>ヤッキョク</t>
    </rPh>
    <phoneticPr fontId="3"/>
  </si>
  <si>
    <t>東成区中道二丁目１－２５</t>
    <rPh sb="0" eb="3">
      <t>ヒガシナリク</t>
    </rPh>
    <rPh sb="3" eb="5">
      <t>ナカミチ</t>
    </rPh>
    <rPh sb="5" eb="8">
      <t>ニチョウメ</t>
    </rPh>
    <phoneticPr fontId="3"/>
  </si>
  <si>
    <t>東小橋薬局</t>
    <rPh sb="0" eb="1">
      <t>ヒガシ</t>
    </rPh>
    <rPh sb="1" eb="2">
      <t>コ</t>
    </rPh>
    <rPh sb="2" eb="3">
      <t>バシ</t>
    </rPh>
    <rPh sb="3" eb="5">
      <t>ヤッキョク</t>
    </rPh>
    <phoneticPr fontId="3"/>
  </si>
  <si>
    <t>東成区東小橋一丁目８－９</t>
    <rPh sb="0" eb="3">
      <t>ヒガシナリク</t>
    </rPh>
    <rPh sb="3" eb="4">
      <t>ヒガシ</t>
    </rPh>
    <rPh sb="4" eb="5">
      <t>コ</t>
    </rPh>
    <rPh sb="5" eb="6">
      <t>バシ</t>
    </rPh>
    <rPh sb="6" eb="9">
      <t>イッチョウメ</t>
    </rPh>
    <phoneticPr fontId="3"/>
  </si>
  <si>
    <t>あやめ薬局</t>
    <rPh sb="3" eb="5">
      <t>ヤッキョク</t>
    </rPh>
    <phoneticPr fontId="3"/>
  </si>
  <si>
    <t>東成区東今里二丁目１２－２２</t>
    <rPh sb="0" eb="3">
      <t>ヒガシナリク</t>
    </rPh>
    <rPh sb="3" eb="6">
      <t>ヒガシイマザト</t>
    </rPh>
    <rPh sb="6" eb="9">
      <t>ニチョウメ</t>
    </rPh>
    <phoneticPr fontId="3"/>
  </si>
  <si>
    <t>保健薬局</t>
    <rPh sb="0" eb="2">
      <t>ホケン</t>
    </rPh>
    <rPh sb="2" eb="4">
      <t>ヤッキョク</t>
    </rPh>
    <phoneticPr fontId="3"/>
  </si>
  <si>
    <t>東成区大今里四丁目２７－３１</t>
    <rPh sb="0" eb="3">
      <t>ヒガシナリク</t>
    </rPh>
    <rPh sb="3" eb="6">
      <t>オオイマザト</t>
    </rPh>
    <rPh sb="6" eb="9">
      <t>ヨンチョウメ</t>
    </rPh>
    <phoneticPr fontId="3"/>
  </si>
  <si>
    <t>サエラ薬局　今里店</t>
    <rPh sb="3" eb="5">
      <t>ヤッキョク</t>
    </rPh>
    <rPh sb="6" eb="8">
      <t>イマサト</t>
    </rPh>
    <rPh sb="8" eb="9">
      <t>テン</t>
    </rPh>
    <phoneticPr fontId="3"/>
  </si>
  <si>
    <t>東成区大今里西一丁目２６－５－１０１　
ロハスプラザ今里</t>
    <rPh sb="0" eb="3">
      <t>ヒガシナリク</t>
    </rPh>
    <rPh sb="3" eb="6">
      <t>オオイマザト</t>
    </rPh>
    <rPh sb="6" eb="7">
      <t>ニシ</t>
    </rPh>
    <rPh sb="7" eb="10">
      <t>イッチョウメ</t>
    </rPh>
    <rPh sb="26" eb="28">
      <t>イマザト</t>
    </rPh>
    <phoneticPr fontId="3"/>
  </si>
  <si>
    <t>どんぐり薬局</t>
    <rPh sb="4" eb="6">
      <t>ヤッキョク</t>
    </rPh>
    <phoneticPr fontId="3"/>
  </si>
  <si>
    <t>東成区中道三丁目１６－１５　
ソレアード玉造　１階</t>
    <rPh sb="0" eb="3">
      <t>ヒガシナリク</t>
    </rPh>
    <rPh sb="3" eb="5">
      <t>ナカミチ</t>
    </rPh>
    <rPh sb="5" eb="8">
      <t>サンチョウメ</t>
    </rPh>
    <rPh sb="20" eb="22">
      <t>タマツクリ</t>
    </rPh>
    <rPh sb="24" eb="25">
      <t>カイ</t>
    </rPh>
    <phoneticPr fontId="3"/>
  </si>
  <si>
    <t>1501932</t>
  </si>
  <si>
    <t>天正堂薬局</t>
    <rPh sb="0" eb="1">
      <t>テン</t>
    </rPh>
    <rPh sb="1" eb="3">
      <t>セイドウ</t>
    </rPh>
    <rPh sb="3" eb="5">
      <t>ヤッキョク</t>
    </rPh>
    <phoneticPr fontId="3"/>
  </si>
  <si>
    <t>東成区大今里一丁目３１－２１</t>
    <rPh sb="0" eb="2">
      <t>ヒガシナリ</t>
    </rPh>
    <rPh sb="2" eb="3">
      <t>ク</t>
    </rPh>
    <rPh sb="3" eb="6">
      <t>オオイマザト</t>
    </rPh>
    <rPh sb="6" eb="9">
      <t>イッチョウメ</t>
    </rPh>
    <phoneticPr fontId="3"/>
  </si>
  <si>
    <t>東成区東小橋一丁目９－１９　
ＪＲ玉造駅NKビル　１階</t>
    <rPh sb="0" eb="3">
      <t>ヒガシナリク</t>
    </rPh>
    <rPh sb="3" eb="4">
      <t>ヒガシ</t>
    </rPh>
    <rPh sb="4" eb="6">
      <t>コハシ</t>
    </rPh>
    <rPh sb="6" eb="9">
      <t>イッチョウメ</t>
    </rPh>
    <rPh sb="17" eb="19">
      <t>タマツクリ</t>
    </rPh>
    <rPh sb="19" eb="20">
      <t>エキ</t>
    </rPh>
    <rPh sb="26" eb="27">
      <t>カイ</t>
    </rPh>
    <phoneticPr fontId="3"/>
  </si>
  <si>
    <t>緑橋ひまわり薬局</t>
    <rPh sb="0" eb="1">
      <t>ミドリ</t>
    </rPh>
    <rPh sb="1" eb="2">
      <t>バシ</t>
    </rPh>
    <rPh sb="6" eb="8">
      <t>ヤッキョク</t>
    </rPh>
    <phoneticPr fontId="3"/>
  </si>
  <si>
    <t>東成区中本三丁目１２－１４</t>
    <rPh sb="0" eb="3">
      <t>ヒガシナリク</t>
    </rPh>
    <rPh sb="3" eb="4">
      <t>ナカ</t>
    </rPh>
    <rPh sb="4" eb="5">
      <t>ホン</t>
    </rPh>
    <rPh sb="5" eb="8">
      <t>サンチョウメ</t>
    </rPh>
    <phoneticPr fontId="3"/>
  </si>
  <si>
    <t>さくら薬局　大阪深江南店</t>
    <rPh sb="3" eb="5">
      <t>ヤッキョク</t>
    </rPh>
    <rPh sb="6" eb="8">
      <t>オオサカ</t>
    </rPh>
    <rPh sb="8" eb="10">
      <t>フカエ</t>
    </rPh>
    <rPh sb="10" eb="11">
      <t>ミナミ</t>
    </rPh>
    <rPh sb="11" eb="12">
      <t>テン</t>
    </rPh>
    <phoneticPr fontId="3"/>
  </si>
  <si>
    <t>東成区深江南二丁目１２－２８</t>
    <rPh sb="0" eb="3">
      <t>ヒガシナリク</t>
    </rPh>
    <rPh sb="3" eb="6">
      <t>フカエミナミ</t>
    </rPh>
    <rPh sb="6" eb="9">
      <t>2チョウメ</t>
    </rPh>
    <phoneticPr fontId="3"/>
  </si>
  <si>
    <t>近畿調剤みどり橋薬局</t>
    <rPh sb="0" eb="2">
      <t>キンキ</t>
    </rPh>
    <rPh sb="2" eb="4">
      <t>チョウザイ</t>
    </rPh>
    <rPh sb="7" eb="8">
      <t>バシ</t>
    </rPh>
    <rPh sb="8" eb="10">
      <t>ヤッキョク</t>
    </rPh>
    <phoneticPr fontId="3"/>
  </si>
  <si>
    <t>東成区中本三丁目１５－１２</t>
    <rPh sb="3" eb="5">
      <t>ナカモト</t>
    </rPh>
    <rPh sb="5" eb="8">
      <t>サンチョウメ</t>
    </rPh>
    <phoneticPr fontId="3"/>
  </si>
  <si>
    <t>ラビット今里薬局</t>
    <rPh sb="4" eb="6">
      <t>イマザト</t>
    </rPh>
    <rPh sb="6" eb="8">
      <t>ヤッキョク</t>
    </rPh>
    <phoneticPr fontId="3"/>
  </si>
  <si>
    <t>東成区大今里南六丁目１６－２０</t>
    <rPh sb="0" eb="3">
      <t>ヒガシナリク</t>
    </rPh>
    <rPh sb="3" eb="6">
      <t>オオイマザト</t>
    </rPh>
    <rPh sb="6" eb="7">
      <t>ミナミ</t>
    </rPh>
    <rPh sb="7" eb="10">
      <t>ロクチョウメ</t>
    </rPh>
    <phoneticPr fontId="3"/>
  </si>
  <si>
    <t>かるがも薬局　今里店</t>
    <rPh sb="4" eb="6">
      <t>ヤッキョク</t>
    </rPh>
    <rPh sb="7" eb="9">
      <t>イマザト</t>
    </rPh>
    <rPh sb="9" eb="10">
      <t>テン</t>
    </rPh>
    <phoneticPr fontId="3"/>
  </si>
  <si>
    <t>東成区大今里南一丁目１－１９</t>
    <rPh sb="0" eb="3">
      <t>ヒガシナリク</t>
    </rPh>
    <rPh sb="3" eb="6">
      <t>オオイマザト</t>
    </rPh>
    <rPh sb="6" eb="7">
      <t>ミナミ</t>
    </rPh>
    <rPh sb="7" eb="10">
      <t>イッチョウメ</t>
    </rPh>
    <phoneticPr fontId="3"/>
  </si>
  <si>
    <t>コアラ薬局</t>
    <rPh sb="3" eb="5">
      <t>ヤッキョク</t>
    </rPh>
    <phoneticPr fontId="3"/>
  </si>
  <si>
    <t>東成区玉津三丁目６－２</t>
    <rPh sb="0" eb="3">
      <t>ヒガシナリク</t>
    </rPh>
    <rPh sb="3" eb="5">
      <t>タマツ</t>
    </rPh>
    <rPh sb="5" eb="6">
      <t>サン</t>
    </rPh>
    <rPh sb="6" eb="8">
      <t>チョウメ</t>
    </rPh>
    <phoneticPr fontId="3"/>
  </si>
  <si>
    <t>大阪ハートフル薬局</t>
    <rPh sb="0" eb="2">
      <t>オオサカ</t>
    </rPh>
    <rPh sb="7" eb="9">
      <t>ヤッキョク</t>
    </rPh>
    <phoneticPr fontId="3"/>
  </si>
  <si>
    <t>東成区神路一丁目５－２０
ＦＬＡＴ３４深江橋　１階</t>
    <rPh sb="0" eb="3">
      <t>ヒガシナリク</t>
    </rPh>
    <rPh sb="3" eb="5">
      <t>カミジ</t>
    </rPh>
    <rPh sb="5" eb="6">
      <t>イチ</t>
    </rPh>
    <rPh sb="6" eb="8">
      <t>チョウメ</t>
    </rPh>
    <rPh sb="19" eb="22">
      <t>フカエバシ</t>
    </rPh>
    <rPh sb="24" eb="25">
      <t>カイ</t>
    </rPh>
    <phoneticPr fontId="3"/>
  </si>
  <si>
    <t>アピス薬局　今里店</t>
    <rPh sb="3" eb="5">
      <t>ヤッキョク</t>
    </rPh>
    <rPh sb="6" eb="8">
      <t>イマザト</t>
    </rPh>
    <rPh sb="8" eb="9">
      <t>テン</t>
    </rPh>
    <phoneticPr fontId="3"/>
  </si>
  <si>
    <t>東成区大今里南三丁目１３－１１　
ルネッサンスシティー　１階</t>
    <rPh sb="0" eb="3">
      <t>ヒガシナリク</t>
    </rPh>
    <rPh sb="3" eb="6">
      <t>オオイマザト</t>
    </rPh>
    <rPh sb="6" eb="7">
      <t>ミナミ</t>
    </rPh>
    <rPh sb="7" eb="10">
      <t>３チョウメ</t>
    </rPh>
    <rPh sb="29" eb="30">
      <t>カイ</t>
    </rPh>
    <phoneticPr fontId="3"/>
  </si>
  <si>
    <t>あおば薬局</t>
    <rPh sb="3" eb="5">
      <t>ヤッキョク</t>
    </rPh>
    <phoneticPr fontId="3"/>
  </si>
  <si>
    <t>東成区神路一丁目４－２４　
ラ・リビエール １階</t>
    <rPh sb="0" eb="3">
      <t>ヒガシナリク</t>
    </rPh>
    <rPh sb="3" eb="4">
      <t>カミ</t>
    </rPh>
    <rPh sb="4" eb="5">
      <t>ジ</t>
    </rPh>
    <rPh sb="5" eb="8">
      <t>１チョウメ</t>
    </rPh>
    <rPh sb="23" eb="24">
      <t>カイ</t>
    </rPh>
    <phoneticPr fontId="3"/>
  </si>
  <si>
    <t>玉造アップル薬局</t>
    <rPh sb="0" eb="2">
      <t>タマツクリ</t>
    </rPh>
    <rPh sb="6" eb="8">
      <t>ヤッキョク</t>
    </rPh>
    <phoneticPr fontId="3"/>
  </si>
  <si>
    <t>東成区東小橋一丁目５－４</t>
    <rPh sb="0" eb="3">
      <t>ヒガシナリク</t>
    </rPh>
    <rPh sb="3" eb="6">
      <t>ヒガシオバセ</t>
    </rPh>
    <rPh sb="6" eb="9">
      <t>１チョウメ</t>
    </rPh>
    <phoneticPr fontId="3"/>
  </si>
  <si>
    <t>ライト薬局　緑橋店</t>
    <rPh sb="3" eb="5">
      <t>ヤッキョク</t>
    </rPh>
    <rPh sb="6" eb="7">
      <t>ミドリ</t>
    </rPh>
    <rPh sb="7" eb="8">
      <t>バシ</t>
    </rPh>
    <rPh sb="8" eb="9">
      <t>テン</t>
    </rPh>
    <phoneticPr fontId="3"/>
  </si>
  <si>
    <t>東成区中本一丁目１０－１６　
１階</t>
    <rPh sb="0" eb="3">
      <t>ヒガシナリク</t>
    </rPh>
    <rPh sb="3" eb="5">
      <t>ナカモト</t>
    </rPh>
    <rPh sb="5" eb="8">
      <t>１チョウメ</t>
    </rPh>
    <rPh sb="16" eb="17">
      <t>カイ</t>
    </rPh>
    <phoneticPr fontId="3"/>
  </si>
  <si>
    <t>東成区中本四丁目１－１０</t>
    <rPh sb="0" eb="3">
      <t>ヒガシナリク</t>
    </rPh>
    <rPh sb="3" eb="5">
      <t>ナカモト</t>
    </rPh>
    <rPh sb="5" eb="8">
      <t>４チョウメ</t>
    </rPh>
    <phoneticPr fontId="3"/>
  </si>
  <si>
    <t>玉造大日薬局</t>
    <rPh sb="0" eb="2">
      <t>タマツクリ</t>
    </rPh>
    <rPh sb="2" eb="4">
      <t>ダイニチ</t>
    </rPh>
    <rPh sb="4" eb="6">
      <t>ヤッキョク</t>
    </rPh>
    <phoneticPr fontId="3"/>
  </si>
  <si>
    <t>東成区玉津一丁目１１－２２</t>
    <rPh sb="0" eb="2">
      <t>ヒガシナリ</t>
    </rPh>
    <rPh sb="2" eb="3">
      <t>ク</t>
    </rPh>
    <rPh sb="3" eb="5">
      <t>タマツ</t>
    </rPh>
    <rPh sb="5" eb="8">
      <t>１チョウメ</t>
    </rPh>
    <phoneticPr fontId="3"/>
  </si>
  <si>
    <t>あおば薬局　今里店</t>
    <rPh sb="3" eb="5">
      <t>ヤッキョク</t>
    </rPh>
    <rPh sb="6" eb="8">
      <t>イマザト</t>
    </rPh>
    <rPh sb="8" eb="9">
      <t>テン</t>
    </rPh>
    <phoneticPr fontId="3"/>
  </si>
  <si>
    <t>東成区大今里南二丁目１０－２　
翠久マンション　１階７号</t>
    <rPh sb="0" eb="3">
      <t>ヒガシナリク</t>
    </rPh>
    <rPh sb="3" eb="6">
      <t>オオイマザト</t>
    </rPh>
    <rPh sb="6" eb="7">
      <t>ミナミ</t>
    </rPh>
    <rPh sb="7" eb="10">
      <t>２チョウメ</t>
    </rPh>
    <rPh sb="16" eb="17">
      <t>スイ</t>
    </rPh>
    <rPh sb="17" eb="18">
      <t>ヒサ</t>
    </rPh>
    <rPh sb="25" eb="26">
      <t>カイ</t>
    </rPh>
    <rPh sb="27" eb="28">
      <t>ゴウ</t>
    </rPh>
    <phoneticPr fontId="3"/>
  </si>
  <si>
    <t>松井薬局</t>
    <rPh sb="0" eb="2">
      <t>マツイ</t>
    </rPh>
    <rPh sb="2" eb="4">
      <t>ヤッキョク</t>
    </rPh>
    <phoneticPr fontId="3"/>
  </si>
  <si>
    <t>東成区東小橋三丁目１９－２６</t>
    <rPh sb="0" eb="3">
      <t>ヒガシナリク</t>
    </rPh>
    <rPh sb="3" eb="4">
      <t>ヒガシ</t>
    </rPh>
    <rPh sb="4" eb="6">
      <t>コハシ</t>
    </rPh>
    <rPh sb="6" eb="9">
      <t>サンチョウメ</t>
    </rPh>
    <phoneticPr fontId="3"/>
  </si>
  <si>
    <t>スギ薬局　東今里店</t>
    <rPh sb="2" eb="4">
      <t>ヤッキョク</t>
    </rPh>
    <rPh sb="5" eb="6">
      <t>ヒガシ</t>
    </rPh>
    <rPh sb="6" eb="8">
      <t>イマザト</t>
    </rPh>
    <rPh sb="8" eb="9">
      <t>テン</t>
    </rPh>
    <phoneticPr fontId="3"/>
  </si>
  <si>
    <t>東成区東今里二丁目７－２８</t>
    <rPh sb="0" eb="3">
      <t>ヒガシナリク</t>
    </rPh>
    <rPh sb="3" eb="6">
      <t>ヒガシイマザト</t>
    </rPh>
    <rPh sb="6" eb="9">
      <t>ニチョウメ</t>
    </rPh>
    <phoneticPr fontId="3"/>
  </si>
  <si>
    <t>今里コスモス薬局</t>
    <rPh sb="0" eb="2">
      <t>イマザト</t>
    </rPh>
    <rPh sb="6" eb="8">
      <t>ヤッキョク</t>
    </rPh>
    <phoneticPr fontId="3"/>
  </si>
  <si>
    <t>東成区大今里三丁目１－６　
１階</t>
    <rPh sb="0" eb="2">
      <t>ヒガシナリ</t>
    </rPh>
    <rPh sb="2" eb="3">
      <t>ク</t>
    </rPh>
    <rPh sb="3" eb="4">
      <t>ダイ</t>
    </rPh>
    <rPh sb="4" eb="6">
      <t>イマザト</t>
    </rPh>
    <rPh sb="6" eb="9">
      <t>サンチョウメ</t>
    </rPh>
    <rPh sb="15" eb="16">
      <t>カイ</t>
    </rPh>
    <phoneticPr fontId="3"/>
  </si>
  <si>
    <t>にじいろ薬局　森ノ宮店</t>
    <rPh sb="4" eb="6">
      <t>ヤッキョク</t>
    </rPh>
    <rPh sb="7" eb="8">
      <t>モリ</t>
    </rPh>
    <rPh sb="9" eb="10">
      <t>ミヤ</t>
    </rPh>
    <rPh sb="10" eb="11">
      <t>テン</t>
    </rPh>
    <phoneticPr fontId="3"/>
  </si>
  <si>
    <t>東成区中道一丁目５－２３　
ラパンジール森之宮　１階</t>
    <rPh sb="0" eb="3">
      <t>ヒガシナリク</t>
    </rPh>
    <rPh sb="3" eb="5">
      <t>ナカミチ</t>
    </rPh>
    <rPh sb="5" eb="8">
      <t>イッチョウメ</t>
    </rPh>
    <rPh sb="20" eb="23">
      <t>モリノミヤ</t>
    </rPh>
    <rPh sb="25" eb="26">
      <t>カイ</t>
    </rPh>
    <phoneticPr fontId="3"/>
  </si>
  <si>
    <t>カメイ調剤薬局　鶴橋店</t>
    <rPh sb="3" eb="5">
      <t>チョウザイ</t>
    </rPh>
    <rPh sb="5" eb="7">
      <t>ヤッキョク</t>
    </rPh>
    <rPh sb="8" eb="10">
      <t>ツルハシ</t>
    </rPh>
    <rPh sb="10" eb="11">
      <t>テン</t>
    </rPh>
    <phoneticPr fontId="3"/>
  </si>
  <si>
    <t>東成区東小橋三丁目１７－１　
１階</t>
    <rPh sb="0" eb="2">
      <t>ヒガシナリ</t>
    </rPh>
    <rPh sb="2" eb="3">
      <t>ク</t>
    </rPh>
    <rPh sb="3" eb="4">
      <t>ヒガシ</t>
    </rPh>
    <rPh sb="4" eb="6">
      <t>コハシ</t>
    </rPh>
    <rPh sb="6" eb="9">
      <t>サンチョウメ</t>
    </rPh>
    <rPh sb="16" eb="17">
      <t>カイ</t>
    </rPh>
    <phoneticPr fontId="3"/>
  </si>
  <si>
    <t>サンライトげんき薬局　玉造店</t>
    <rPh sb="8" eb="10">
      <t>ヤッキョク</t>
    </rPh>
    <rPh sb="11" eb="13">
      <t>タマツクリ</t>
    </rPh>
    <rPh sb="13" eb="14">
      <t>ミセ</t>
    </rPh>
    <phoneticPr fontId="3"/>
  </si>
  <si>
    <t>東成区東小橋一丁目８－２３　
玉造パークハイツ　１階</t>
    <rPh sb="0" eb="3">
      <t>ヒガシナリク</t>
    </rPh>
    <rPh sb="3" eb="4">
      <t>ヒガシ</t>
    </rPh>
    <rPh sb="4" eb="6">
      <t>コハシ</t>
    </rPh>
    <rPh sb="6" eb="9">
      <t>イッチョウメ</t>
    </rPh>
    <rPh sb="15" eb="17">
      <t>タマツクリ</t>
    </rPh>
    <rPh sb="25" eb="26">
      <t>カイ</t>
    </rPh>
    <phoneticPr fontId="3"/>
  </si>
  <si>
    <t>東成区</t>
  </si>
  <si>
    <t>1502328</t>
  </si>
  <si>
    <t>近畿調剤　東中本薬局</t>
    <rPh sb="0" eb="2">
      <t>キンキ</t>
    </rPh>
    <rPh sb="2" eb="4">
      <t>チョウザイ</t>
    </rPh>
    <rPh sb="5" eb="6">
      <t>ヒガシ</t>
    </rPh>
    <rPh sb="6" eb="8">
      <t>ナカモト</t>
    </rPh>
    <rPh sb="8" eb="10">
      <t>ヤッキョク</t>
    </rPh>
    <phoneticPr fontId="3"/>
  </si>
  <si>
    <t>東成区東中本二丁目２－６
緑橋ビル　１階</t>
    <rPh sb="0" eb="3">
      <t>ヒガシナリク</t>
    </rPh>
    <rPh sb="3" eb="4">
      <t>ヒガシ</t>
    </rPh>
    <rPh sb="4" eb="6">
      <t>ナカモト</t>
    </rPh>
    <rPh sb="6" eb="9">
      <t>ニチョウメ</t>
    </rPh>
    <rPh sb="13" eb="15">
      <t>ミドリバシ</t>
    </rPh>
    <rPh sb="19" eb="20">
      <t>カイ</t>
    </rPh>
    <phoneticPr fontId="3"/>
  </si>
  <si>
    <t>1502336</t>
  </si>
  <si>
    <t>調剤薬局マツモトキヨシ　大今里店</t>
    <rPh sb="0" eb="2">
      <t>チョウザイ</t>
    </rPh>
    <rPh sb="2" eb="4">
      <t>ヤッキョク</t>
    </rPh>
    <rPh sb="12" eb="15">
      <t>オオイマザト</t>
    </rPh>
    <rPh sb="15" eb="16">
      <t>ミセ</t>
    </rPh>
    <phoneticPr fontId="3"/>
  </si>
  <si>
    <t>東成区大今里西二丁目７－３
アロンディール区役所前　１階</t>
    <rPh sb="0" eb="3">
      <t>ヒガシナリク</t>
    </rPh>
    <rPh sb="3" eb="6">
      <t>オオイマザト</t>
    </rPh>
    <rPh sb="6" eb="7">
      <t>ニシ</t>
    </rPh>
    <rPh sb="7" eb="10">
      <t>ニチョウメ</t>
    </rPh>
    <rPh sb="21" eb="24">
      <t>クヤクショ</t>
    </rPh>
    <rPh sb="24" eb="25">
      <t>マエ</t>
    </rPh>
    <rPh sb="27" eb="28">
      <t>カイ</t>
    </rPh>
    <phoneticPr fontId="3"/>
  </si>
  <si>
    <t>1502344</t>
  </si>
  <si>
    <t>東成区深江北一丁目１－３２　
ダイエービル　１階</t>
    <rPh sb="0" eb="3">
      <t>ヒガシナリク</t>
    </rPh>
    <rPh sb="3" eb="6">
      <t>フカエキタ</t>
    </rPh>
    <rPh sb="6" eb="9">
      <t>イッチョウメ</t>
    </rPh>
    <rPh sb="23" eb="24">
      <t>カイ</t>
    </rPh>
    <phoneticPr fontId="3"/>
  </si>
  <si>
    <t>生野区</t>
    <rPh sb="0" eb="3">
      <t>イクノク</t>
    </rPh>
    <phoneticPr fontId="3"/>
  </si>
  <si>
    <t>健康堂保健薬局</t>
    <rPh sb="0" eb="2">
      <t>ケンコウ</t>
    </rPh>
    <rPh sb="2" eb="3">
      <t>ドウ</t>
    </rPh>
    <rPh sb="3" eb="5">
      <t>ホケン</t>
    </rPh>
    <rPh sb="5" eb="7">
      <t>ヤッキョク</t>
    </rPh>
    <phoneticPr fontId="3"/>
  </si>
  <si>
    <t>生野区巽中二丁目４－１７</t>
    <rPh sb="0" eb="3">
      <t>イクノク</t>
    </rPh>
    <rPh sb="3" eb="5">
      <t>タツミナカ</t>
    </rPh>
    <rPh sb="5" eb="8">
      <t>ニチョウメ</t>
    </rPh>
    <phoneticPr fontId="3"/>
  </si>
  <si>
    <t>谷川薬局</t>
    <rPh sb="0" eb="2">
      <t>タニガワ</t>
    </rPh>
    <rPh sb="2" eb="4">
      <t>ヤッキョク</t>
    </rPh>
    <phoneticPr fontId="3"/>
  </si>
  <si>
    <t>生野区中川西二丁目３－１７</t>
    <rPh sb="0" eb="3">
      <t>イクノク</t>
    </rPh>
    <rPh sb="3" eb="6">
      <t>ナカガワニシ</t>
    </rPh>
    <rPh sb="6" eb="9">
      <t>ニチョウメ</t>
    </rPh>
    <phoneticPr fontId="3"/>
  </si>
  <si>
    <t>帝大薬局</t>
    <rPh sb="0" eb="1">
      <t>テイ</t>
    </rPh>
    <rPh sb="1" eb="2">
      <t>ダイ</t>
    </rPh>
    <rPh sb="2" eb="4">
      <t>ヤッキョク</t>
    </rPh>
    <phoneticPr fontId="3"/>
  </si>
  <si>
    <t>生野区桃谷三丁目８－２１</t>
    <rPh sb="0" eb="3">
      <t>イクノク</t>
    </rPh>
    <rPh sb="3" eb="5">
      <t>モモダニ</t>
    </rPh>
    <rPh sb="5" eb="8">
      <t>サンチョウメ</t>
    </rPh>
    <phoneticPr fontId="3"/>
  </si>
  <si>
    <t>株式会社　仁泉薬局</t>
    <rPh sb="0" eb="4">
      <t>カブシキガイシャ</t>
    </rPh>
    <rPh sb="5" eb="6">
      <t>ジン</t>
    </rPh>
    <rPh sb="6" eb="7">
      <t>セン</t>
    </rPh>
    <rPh sb="7" eb="9">
      <t>ヤッキョク</t>
    </rPh>
    <phoneticPr fontId="3"/>
  </si>
  <si>
    <t>生野区中川二丁目６－１３</t>
    <rPh sb="0" eb="3">
      <t>イクノク</t>
    </rPh>
    <rPh sb="3" eb="5">
      <t>ナカガワ</t>
    </rPh>
    <rPh sb="5" eb="8">
      <t>ニチョウメ</t>
    </rPh>
    <phoneticPr fontId="3"/>
  </si>
  <si>
    <t>島岡薬局</t>
    <rPh sb="0" eb="2">
      <t>シマオカ</t>
    </rPh>
    <rPh sb="2" eb="4">
      <t>ヤッキョク</t>
    </rPh>
    <phoneticPr fontId="3"/>
  </si>
  <si>
    <t>生野区中川西一丁目９－１</t>
    <rPh sb="0" eb="3">
      <t>イクノク</t>
    </rPh>
    <rPh sb="3" eb="6">
      <t>ナカガワニシ</t>
    </rPh>
    <rPh sb="6" eb="9">
      <t>イッチョウメ</t>
    </rPh>
    <phoneticPr fontId="3"/>
  </si>
  <si>
    <t>生野区生野西二丁目５－１２</t>
    <rPh sb="0" eb="3">
      <t>イクノク</t>
    </rPh>
    <rPh sb="3" eb="6">
      <t>イクノニシ</t>
    </rPh>
    <rPh sb="6" eb="7">
      <t>ニ</t>
    </rPh>
    <rPh sb="7" eb="9">
      <t>チョウメ</t>
    </rPh>
    <phoneticPr fontId="3"/>
  </si>
  <si>
    <t>ふじ薬局</t>
    <rPh sb="2" eb="4">
      <t>ヤッキョク</t>
    </rPh>
    <phoneticPr fontId="3"/>
  </si>
  <si>
    <t>生野区勝山北一丁目８－１２</t>
    <rPh sb="0" eb="3">
      <t>イクノク</t>
    </rPh>
    <rPh sb="3" eb="6">
      <t>カツヤマキタ</t>
    </rPh>
    <rPh sb="6" eb="9">
      <t>イッチョウメ</t>
    </rPh>
    <phoneticPr fontId="3"/>
  </si>
  <si>
    <t>ミドリ薬局</t>
    <rPh sb="3" eb="5">
      <t>ヤッキョク</t>
    </rPh>
    <phoneticPr fontId="3"/>
  </si>
  <si>
    <t>生野区田島一丁目１２－１６</t>
    <rPh sb="0" eb="3">
      <t>イクノク</t>
    </rPh>
    <rPh sb="3" eb="5">
      <t>タジマ</t>
    </rPh>
    <rPh sb="5" eb="8">
      <t>イッチョウメ</t>
    </rPh>
    <phoneticPr fontId="3"/>
  </si>
  <si>
    <t>ヒカリ薬局</t>
    <rPh sb="3" eb="5">
      <t>ヤッキョク</t>
    </rPh>
    <phoneticPr fontId="3"/>
  </si>
  <si>
    <t>生野区巽南五丁目５－２３</t>
    <rPh sb="0" eb="3">
      <t>イクノク</t>
    </rPh>
    <rPh sb="3" eb="5">
      <t>タツミミナミ</t>
    </rPh>
    <rPh sb="5" eb="8">
      <t>ゴチョウメ</t>
    </rPh>
    <phoneticPr fontId="3"/>
  </si>
  <si>
    <t>吉村薬局</t>
    <rPh sb="0" eb="1">
      <t>ヨシ</t>
    </rPh>
    <rPh sb="1" eb="2">
      <t>ムラ</t>
    </rPh>
    <rPh sb="2" eb="4">
      <t>ヤッキョク</t>
    </rPh>
    <phoneticPr fontId="3"/>
  </si>
  <si>
    <t>生野区林寺二丁目５－１</t>
    <rPh sb="0" eb="3">
      <t>イクノク</t>
    </rPh>
    <rPh sb="3" eb="4">
      <t>ハヤシ</t>
    </rPh>
    <rPh sb="4" eb="5">
      <t>デラ</t>
    </rPh>
    <rPh sb="5" eb="8">
      <t>ニチョウメ</t>
    </rPh>
    <phoneticPr fontId="3"/>
  </si>
  <si>
    <t>北岡薬局</t>
    <rPh sb="0" eb="2">
      <t>キタオカ</t>
    </rPh>
    <rPh sb="2" eb="4">
      <t>ヤッキョク</t>
    </rPh>
    <phoneticPr fontId="3"/>
  </si>
  <si>
    <t>生野区生野東二丁目２－２７</t>
    <rPh sb="0" eb="3">
      <t>イクノク</t>
    </rPh>
    <rPh sb="3" eb="6">
      <t>イクノヒガシ</t>
    </rPh>
    <rPh sb="6" eb="9">
      <t>ニチョウメ</t>
    </rPh>
    <phoneticPr fontId="3"/>
  </si>
  <si>
    <t>大友薬局</t>
    <rPh sb="0" eb="2">
      <t>オオトモ</t>
    </rPh>
    <rPh sb="2" eb="4">
      <t>ヤッキョク</t>
    </rPh>
    <phoneticPr fontId="3"/>
  </si>
  <si>
    <t>生野区小路三丁目１４－５</t>
    <rPh sb="0" eb="3">
      <t>イクノク</t>
    </rPh>
    <rPh sb="3" eb="5">
      <t>ショウジ</t>
    </rPh>
    <rPh sb="5" eb="8">
      <t>サンチョウメ</t>
    </rPh>
    <phoneticPr fontId="3"/>
  </si>
  <si>
    <t>生野区巽中四丁目１１－６　
フルラーレ　１階</t>
    <rPh sb="0" eb="3">
      <t>イクノク</t>
    </rPh>
    <rPh sb="3" eb="5">
      <t>タツミナカ</t>
    </rPh>
    <rPh sb="5" eb="8">
      <t>ヨンチョウメ</t>
    </rPh>
    <rPh sb="21" eb="22">
      <t>カイ</t>
    </rPh>
    <phoneticPr fontId="3"/>
  </si>
  <si>
    <t>有限会社　萬寿薬局</t>
    <rPh sb="0" eb="4">
      <t>ユウゲンガイシャ</t>
    </rPh>
    <rPh sb="5" eb="6">
      <t>マン</t>
    </rPh>
    <rPh sb="6" eb="7">
      <t>ジュ</t>
    </rPh>
    <rPh sb="7" eb="9">
      <t>ヤッキョク</t>
    </rPh>
    <phoneticPr fontId="3"/>
  </si>
  <si>
    <t>生野区勝山南四丁目１６－８</t>
    <rPh sb="0" eb="3">
      <t>イクノク</t>
    </rPh>
    <rPh sb="3" eb="6">
      <t>カツヤマミナミ</t>
    </rPh>
    <rPh sb="6" eb="9">
      <t>ヨンチョウメ</t>
    </rPh>
    <phoneticPr fontId="3"/>
  </si>
  <si>
    <t>ケンエイ薬局</t>
    <rPh sb="4" eb="6">
      <t>ヤッキョク</t>
    </rPh>
    <phoneticPr fontId="3"/>
  </si>
  <si>
    <t>生野区勝山南二丁目６－２１</t>
    <rPh sb="0" eb="3">
      <t>イクノク</t>
    </rPh>
    <rPh sb="3" eb="6">
      <t>カツヤマミナミ</t>
    </rPh>
    <rPh sb="6" eb="9">
      <t>ニチョウメ</t>
    </rPh>
    <phoneticPr fontId="3"/>
  </si>
  <si>
    <t>生野区新今里四丁目１１－２３</t>
    <rPh sb="0" eb="3">
      <t>イクノク</t>
    </rPh>
    <rPh sb="3" eb="6">
      <t>シンイマザト</t>
    </rPh>
    <rPh sb="6" eb="9">
      <t>ヨンチョウメ</t>
    </rPh>
    <phoneticPr fontId="3"/>
  </si>
  <si>
    <t>セガミ薬局　南巽店</t>
    <rPh sb="3" eb="5">
      <t>ヤッキョク</t>
    </rPh>
    <rPh sb="6" eb="8">
      <t>ミナミタツミ</t>
    </rPh>
    <rPh sb="8" eb="9">
      <t>テン</t>
    </rPh>
    <phoneticPr fontId="3"/>
  </si>
  <si>
    <t>生野区巽中四丁目１９－１０　
Ｈ＆Ｅビル　１階</t>
    <rPh sb="0" eb="3">
      <t>イクノク</t>
    </rPh>
    <rPh sb="3" eb="5">
      <t>タツミナカ</t>
    </rPh>
    <rPh sb="5" eb="8">
      <t>ヨンチョウメ</t>
    </rPh>
    <rPh sb="22" eb="23">
      <t>カイ</t>
    </rPh>
    <phoneticPr fontId="3"/>
  </si>
  <si>
    <t>アップル薬局</t>
    <rPh sb="4" eb="6">
      <t>ヤッキョク</t>
    </rPh>
    <phoneticPr fontId="3"/>
  </si>
  <si>
    <t>生野区生野東二丁目５－４</t>
    <rPh sb="0" eb="3">
      <t>イクノク</t>
    </rPh>
    <rPh sb="3" eb="6">
      <t>イクノヒガシ</t>
    </rPh>
    <rPh sb="6" eb="9">
      <t>ニチョウメ</t>
    </rPh>
    <phoneticPr fontId="3"/>
  </si>
  <si>
    <t>延寿堂薬局</t>
    <rPh sb="0" eb="1">
      <t>エン</t>
    </rPh>
    <rPh sb="1" eb="2">
      <t>コトブキ</t>
    </rPh>
    <rPh sb="2" eb="3">
      <t>ドウ</t>
    </rPh>
    <rPh sb="3" eb="5">
      <t>ヤッキョク</t>
    </rPh>
    <phoneticPr fontId="3"/>
  </si>
  <si>
    <t>生野区田島四丁目１－３</t>
    <rPh sb="0" eb="3">
      <t>イクノク</t>
    </rPh>
    <rPh sb="3" eb="5">
      <t>タジマ</t>
    </rPh>
    <rPh sb="5" eb="8">
      <t>ヨンチョウメ</t>
    </rPh>
    <phoneticPr fontId="3"/>
  </si>
  <si>
    <t>つばさ薬局</t>
    <rPh sb="3" eb="5">
      <t>ヤッキョク</t>
    </rPh>
    <phoneticPr fontId="3"/>
  </si>
  <si>
    <t>生野区巽北三丁目２０－１１</t>
    <rPh sb="0" eb="3">
      <t>イクノク</t>
    </rPh>
    <rPh sb="3" eb="4">
      <t>タツミ</t>
    </rPh>
    <rPh sb="4" eb="5">
      <t>キタ</t>
    </rPh>
    <rPh sb="5" eb="6">
      <t>3</t>
    </rPh>
    <rPh sb="6" eb="8">
      <t>チョウメ</t>
    </rPh>
    <phoneticPr fontId="3"/>
  </si>
  <si>
    <t>生野区勝山北五丁目１７－２２</t>
    <rPh sb="0" eb="3">
      <t>イクノク</t>
    </rPh>
    <rPh sb="3" eb="6">
      <t>カツヤマキタ</t>
    </rPh>
    <rPh sb="6" eb="9">
      <t>ゴチョウメ</t>
    </rPh>
    <phoneticPr fontId="3"/>
  </si>
  <si>
    <t>生野区新今里六丁目５－７</t>
    <rPh sb="0" eb="3">
      <t>イクノク</t>
    </rPh>
    <rPh sb="3" eb="6">
      <t>シンイマザト</t>
    </rPh>
    <rPh sb="6" eb="9">
      <t>ロクチョウメ</t>
    </rPh>
    <phoneticPr fontId="3"/>
  </si>
  <si>
    <t>生野区桃谷四丁目１９－１１</t>
    <rPh sb="0" eb="3">
      <t>イクノク</t>
    </rPh>
    <rPh sb="3" eb="5">
      <t>モモダニ</t>
    </rPh>
    <rPh sb="5" eb="8">
      <t>ヨンチョウメ</t>
    </rPh>
    <phoneticPr fontId="3"/>
  </si>
  <si>
    <t>阪神調剤薬局　生野店</t>
    <rPh sb="0" eb="2">
      <t>ハンシン</t>
    </rPh>
    <rPh sb="2" eb="4">
      <t>チョウザイ</t>
    </rPh>
    <rPh sb="4" eb="6">
      <t>ヤッキョク</t>
    </rPh>
    <rPh sb="7" eb="9">
      <t>イクノ</t>
    </rPh>
    <rPh sb="9" eb="10">
      <t>ミセ</t>
    </rPh>
    <phoneticPr fontId="3"/>
  </si>
  <si>
    <t>生野区巽中二丁目２２－１８</t>
    <rPh sb="0" eb="3">
      <t>イクノク</t>
    </rPh>
    <rPh sb="3" eb="4">
      <t>タツミ</t>
    </rPh>
    <rPh sb="4" eb="5">
      <t>ナカ</t>
    </rPh>
    <rPh sb="5" eb="6">
      <t>2</t>
    </rPh>
    <rPh sb="6" eb="8">
      <t>チョウメ</t>
    </rPh>
    <phoneticPr fontId="3"/>
  </si>
  <si>
    <t>れもん薬局</t>
    <rPh sb="3" eb="5">
      <t>ヤッキョク</t>
    </rPh>
    <phoneticPr fontId="3"/>
  </si>
  <si>
    <t>生野区中川六丁目９－１４</t>
    <rPh sb="0" eb="3">
      <t>イクノク</t>
    </rPh>
    <rPh sb="3" eb="5">
      <t>ナカガワ</t>
    </rPh>
    <rPh sb="5" eb="8">
      <t>ロクチョウメ</t>
    </rPh>
    <phoneticPr fontId="3"/>
  </si>
  <si>
    <t>かるがも薬局</t>
    <rPh sb="4" eb="6">
      <t>ヤッキョク</t>
    </rPh>
    <phoneticPr fontId="3"/>
  </si>
  <si>
    <t>生野区生野西二丁目３－８</t>
    <rPh sb="0" eb="3">
      <t>イクノク</t>
    </rPh>
    <rPh sb="3" eb="6">
      <t>イクノニシ</t>
    </rPh>
    <rPh sb="6" eb="9">
      <t>ニチョウメ</t>
    </rPh>
    <phoneticPr fontId="3"/>
  </si>
  <si>
    <t>エイコー薬局</t>
    <rPh sb="4" eb="6">
      <t>ヤッキョク</t>
    </rPh>
    <phoneticPr fontId="3"/>
  </si>
  <si>
    <t>生野区新今里七丁目４－３</t>
    <rPh sb="0" eb="3">
      <t>イクノク</t>
    </rPh>
    <rPh sb="3" eb="6">
      <t>シンイマザト</t>
    </rPh>
    <rPh sb="6" eb="9">
      <t>ナナチョウメ</t>
    </rPh>
    <phoneticPr fontId="3"/>
  </si>
  <si>
    <t>アルツ薬局</t>
    <rPh sb="3" eb="5">
      <t>ヤッキョク</t>
    </rPh>
    <phoneticPr fontId="3"/>
  </si>
  <si>
    <t>生野区中川一丁目２－１８</t>
    <rPh sb="0" eb="3">
      <t>イクノク</t>
    </rPh>
    <rPh sb="3" eb="5">
      <t>ナカガワ</t>
    </rPh>
    <rPh sb="5" eb="8">
      <t>イッチョウメ</t>
    </rPh>
    <phoneticPr fontId="3"/>
  </si>
  <si>
    <t>キシダ薬局</t>
    <rPh sb="3" eb="5">
      <t>ヤッキョク</t>
    </rPh>
    <phoneticPr fontId="3"/>
  </si>
  <si>
    <t>生野区巽東二丁目１０－２８</t>
    <rPh sb="0" eb="3">
      <t>イクノク</t>
    </rPh>
    <rPh sb="3" eb="5">
      <t>タツミヒガシ</t>
    </rPh>
    <rPh sb="5" eb="8">
      <t>ニチョウメ</t>
    </rPh>
    <phoneticPr fontId="3"/>
  </si>
  <si>
    <t>ツル薬局</t>
    <rPh sb="2" eb="4">
      <t>ヤッキョク</t>
    </rPh>
    <phoneticPr fontId="3"/>
  </si>
  <si>
    <t>生野区小路二丁目２６－４</t>
    <rPh sb="0" eb="3">
      <t>イクノク</t>
    </rPh>
    <rPh sb="3" eb="5">
      <t>ショウジ</t>
    </rPh>
    <rPh sb="5" eb="8">
      <t>ニチョウメ</t>
    </rPh>
    <phoneticPr fontId="3"/>
  </si>
  <si>
    <t>生野区勝山南二丁目８－１３</t>
    <rPh sb="0" eb="3">
      <t>イクノク</t>
    </rPh>
    <rPh sb="3" eb="6">
      <t>カツヤマミナミ</t>
    </rPh>
    <rPh sb="6" eb="9">
      <t>ニチョウメ</t>
    </rPh>
    <phoneticPr fontId="3"/>
  </si>
  <si>
    <t>生野パール薬局</t>
    <rPh sb="0" eb="2">
      <t>イクノ</t>
    </rPh>
    <rPh sb="5" eb="7">
      <t>ヤッキョク</t>
    </rPh>
    <phoneticPr fontId="3"/>
  </si>
  <si>
    <t>生野区小路東一丁目２１－１３　
カーサノベンタ　１階</t>
    <rPh sb="6" eb="9">
      <t>１チョウメ</t>
    </rPh>
    <phoneticPr fontId="8"/>
  </si>
  <si>
    <t>カナリヤ薬局　鶴橋店</t>
    <rPh sb="4" eb="6">
      <t>ヤッキョク</t>
    </rPh>
    <rPh sb="7" eb="9">
      <t>ツルハシ</t>
    </rPh>
    <rPh sb="9" eb="10">
      <t>テン</t>
    </rPh>
    <phoneticPr fontId="3"/>
  </si>
  <si>
    <t>生野区桃谷二丁目６－２４
１階</t>
    <rPh sb="0" eb="3">
      <t>イクノク</t>
    </rPh>
    <rPh sb="3" eb="5">
      <t>モモダニ</t>
    </rPh>
    <rPh sb="5" eb="8">
      <t>ニチョウメ</t>
    </rPh>
    <rPh sb="14" eb="15">
      <t>カイ</t>
    </rPh>
    <phoneticPr fontId="3"/>
  </si>
  <si>
    <t>生野区巽南三丁目１９－４２</t>
    <rPh sb="0" eb="3">
      <t>イクノク</t>
    </rPh>
    <rPh sb="3" eb="5">
      <t>タツミミナミ</t>
    </rPh>
    <rPh sb="5" eb="8">
      <t>サンチョウメ</t>
    </rPh>
    <phoneticPr fontId="3"/>
  </si>
  <si>
    <t>ファミリー薬局　桃谷店</t>
    <rPh sb="5" eb="7">
      <t>ヤッキョク</t>
    </rPh>
    <rPh sb="8" eb="10">
      <t>モモダニ</t>
    </rPh>
    <rPh sb="10" eb="11">
      <t>テン</t>
    </rPh>
    <phoneticPr fontId="3"/>
  </si>
  <si>
    <t>生野区桃谷五丁目４－２３　
日天ビル　１０１</t>
    <rPh sb="0" eb="3">
      <t>イクノク</t>
    </rPh>
    <rPh sb="3" eb="5">
      <t>モモダニ</t>
    </rPh>
    <rPh sb="5" eb="8">
      <t>ゴチョウメ</t>
    </rPh>
    <rPh sb="14" eb="15">
      <t>ニチ</t>
    </rPh>
    <rPh sb="15" eb="16">
      <t>テン</t>
    </rPh>
    <phoneticPr fontId="3"/>
  </si>
  <si>
    <t>菜の花薬局</t>
    <rPh sb="0" eb="1">
      <t>ナ</t>
    </rPh>
    <rPh sb="2" eb="3">
      <t>ハナ</t>
    </rPh>
    <rPh sb="3" eb="5">
      <t>ヤッキョク</t>
    </rPh>
    <phoneticPr fontId="3"/>
  </si>
  <si>
    <t>生野区新今里四丁目１３－１９</t>
    <rPh sb="0" eb="3">
      <t>イクノク</t>
    </rPh>
    <rPh sb="3" eb="6">
      <t>シンイマザト</t>
    </rPh>
    <rPh sb="6" eb="9">
      <t>ヨンチョウメ</t>
    </rPh>
    <phoneticPr fontId="3"/>
  </si>
  <si>
    <t>たしまゆめ薬局</t>
    <rPh sb="5" eb="7">
      <t>ヤッキョク</t>
    </rPh>
    <phoneticPr fontId="3"/>
  </si>
  <si>
    <t>生野区田島四丁目５－２２</t>
    <rPh sb="0" eb="3">
      <t>イクノク</t>
    </rPh>
    <rPh sb="3" eb="5">
      <t>タジマ</t>
    </rPh>
    <rPh sb="5" eb="8">
      <t>ヨンチョウメ</t>
    </rPh>
    <phoneticPr fontId="3"/>
  </si>
  <si>
    <t>生野区勝山南四丁目１４－１７</t>
    <rPh sb="0" eb="3">
      <t>イクノク</t>
    </rPh>
    <rPh sb="3" eb="6">
      <t>カツヤマミナミ</t>
    </rPh>
    <rPh sb="6" eb="9">
      <t>ヨンチョウメ</t>
    </rPh>
    <phoneticPr fontId="3"/>
  </si>
  <si>
    <t>阪神調剤薬局　巽店</t>
    <rPh sb="0" eb="2">
      <t>ハンシン</t>
    </rPh>
    <rPh sb="2" eb="4">
      <t>チョウザイ</t>
    </rPh>
    <rPh sb="4" eb="6">
      <t>ヤッキョク</t>
    </rPh>
    <rPh sb="7" eb="8">
      <t>タツミ</t>
    </rPh>
    <rPh sb="8" eb="9">
      <t>ミセ</t>
    </rPh>
    <phoneticPr fontId="3"/>
  </si>
  <si>
    <t>生野区巽東一丁目５－２７－１０１</t>
    <rPh sb="0" eb="3">
      <t>イクノク</t>
    </rPh>
    <rPh sb="3" eb="4">
      <t>タツミ</t>
    </rPh>
    <rPh sb="4" eb="5">
      <t>ヒガシ</t>
    </rPh>
    <rPh sb="5" eb="6">
      <t>1</t>
    </rPh>
    <rPh sb="6" eb="8">
      <t>チョウメ</t>
    </rPh>
    <phoneticPr fontId="3"/>
  </si>
  <si>
    <t>きむらファーマシー薬局</t>
    <rPh sb="9" eb="11">
      <t>ヤッキョク</t>
    </rPh>
    <phoneticPr fontId="3"/>
  </si>
  <si>
    <t>生野区中川三丁目５－５</t>
    <rPh sb="0" eb="3">
      <t>イクノク</t>
    </rPh>
    <rPh sb="3" eb="5">
      <t>ナカガワ</t>
    </rPh>
    <rPh sb="5" eb="8">
      <t>サンチョウメ</t>
    </rPh>
    <phoneticPr fontId="3"/>
  </si>
  <si>
    <t>今里コア薬局</t>
    <rPh sb="0" eb="2">
      <t>イマザト</t>
    </rPh>
    <rPh sb="4" eb="6">
      <t>ヤッキョク</t>
    </rPh>
    <phoneticPr fontId="3"/>
  </si>
  <si>
    <t>生野区中川一丁目１－１４</t>
    <rPh sb="0" eb="3">
      <t>イクノク</t>
    </rPh>
    <rPh sb="3" eb="5">
      <t>ナカガワ</t>
    </rPh>
    <rPh sb="5" eb="6">
      <t>イチ</t>
    </rPh>
    <rPh sb="6" eb="8">
      <t>チョウメ</t>
    </rPh>
    <phoneticPr fontId="3"/>
  </si>
  <si>
    <t>生野区小路東一丁目８－２１</t>
    <rPh sb="0" eb="3">
      <t>イクノク</t>
    </rPh>
    <rPh sb="3" eb="6">
      <t>ショウジヒガシ</t>
    </rPh>
    <rPh sb="6" eb="9">
      <t>イッチョウメ</t>
    </rPh>
    <phoneticPr fontId="3"/>
  </si>
  <si>
    <t>勝山ファーマライズ薬局</t>
    <rPh sb="0" eb="2">
      <t>カツヤマ</t>
    </rPh>
    <rPh sb="9" eb="11">
      <t>ヤッキョク</t>
    </rPh>
    <phoneticPr fontId="3"/>
  </si>
  <si>
    <t>生野区勝山南四丁目５－４</t>
    <rPh sb="0" eb="2">
      <t>イクノ</t>
    </rPh>
    <rPh sb="2" eb="3">
      <t>ク</t>
    </rPh>
    <rPh sb="3" eb="6">
      <t>カツヤマミナミ</t>
    </rPh>
    <rPh sb="6" eb="9">
      <t>ヨンチョウメ</t>
    </rPh>
    <phoneticPr fontId="3"/>
  </si>
  <si>
    <t>ファーコス薬局　いくの</t>
    <rPh sb="5" eb="7">
      <t>ヤッキョク</t>
    </rPh>
    <phoneticPr fontId="3"/>
  </si>
  <si>
    <t>生野区小路東四丁目２－４</t>
    <rPh sb="0" eb="3">
      <t>イクノク</t>
    </rPh>
    <rPh sb="3" eb="6">
      <t>ショウジヒガシ</t>
    </rPh>
    <rPh sb="6" eb="9">
      <t>4チョウメ</t>
    </rPh>
    <phoneticPr fontId="3"/>
  </si>
  <si>
    <t>生野区桃谷二丁目９－１３</t>
    <rPh sb="0" eb="3">
      <t>イクノク</t>
    </rPh>
    <rPh sb="3" eb="5">
      <t>モモダニ</t>
    </rPh>
    <rPh sb="5" eb="8">
      <t>2チョウメ</t>
    </rPh>
    <phoneticPr fontId="3"/>
  </si>
  <si>
    <t>なの花薬局　田島店</t>
    <rPh sb="2" eb="3">
      <t>ハナ</t>
    </rPh>
    <rPh sb="3" eb="5">
      <t>ヤッキョク</t>
    </rPh>
    <rPh sb="6" eb="8">
      <t>タジマ</t>
    </rPh>
    <rPh sb="8" eb="9">
      <t>テン</t>
    </rPh>
    <phoneticPr fontId="3"/>
  </si>
  <si>
    <t>生野区田島一丁目１６－１</t>
    <rPh sb="0" eb="3">
      <t>イクノク</t>
    </rPh>
    <rPh sb="3" eb="5">
      <t>タジマ</t>
    </rPh>
    <rPh sb="5" eb="8">
      <t>イッチョウメ</t>
    </rPh>
    <phoneticPr fontId="3"/>
  </si>
  <si>
    <t>オレンジ薬局　小路店</t>
    <rPh sb="4" eb="6">
      <t>ヤッキョク</t>
    </rPh>
    <rPh sb="7" eb="10">
      <t>ショウジテン</t>
    </rPh>
    <phoneticPr fontId="3"/>
  </si>
  <si>
    <t>生野区小路東三丁目２－１３</t>
    <rPh sb="0" eb="3">
      <t>イクノク</t>
    </rPh>
    <rPh sb="3" eb="5">
      <t>ショウジ</t>
    </rPh>
    <rPh sb="5" eb="6">
      <t>ヒガシ</t>
    </rPh>
    <rPh sb="6" eb="7">
      <t>３</t>
    </rPh>
    <rPh sb="7" eb="9">
      <t>チョウメ</t>
    </rPh>
    <phoneticPr fontId="3"/>
  </si>
  <si>
    <t>クオール薬局　新今里店</t>
    <rPh sb="4" eb="6">
      <t>ヤッキョク</t>
    </rPh>
    <rPh sb="7" eb="10">
      <t>シンイマザト</t>
    </rPh>
    <rPh sb="10" eb="11">
      <t>テン</t>
    </rPh>
    <phoneticPr fontId="3"/>
  </si>
  <si>
    <t>生野区新今里一丁目１８－２５</t>
    <rPh sb="0" eb="3">
      <t>イクノク</t>
    </rPh>
    <rPh sb="3" eb="6">
      <t>シンイマザト</t>
    </rPh>
    <rPh sb="6" eb="7">
      <t>イチ</t>
    </rPh>
    <rPh sb="7" eb="9">
      <t>チョウメ</t>
    </rPh>
    <phoneticPr fontId="3"/>
  </si>
  <si>
    <t>サーバ生野林寺薬局</t>
    <rPh sb="3" eb="5">
      <t>イクノ</t>
    </rPh>
    <rPh sb="5" eb="7">
      <t>ハヤシジ</t>
    </rPh>
    <rPh sb="7" eb="9">
      <t>ヤッキョク</t>
    </rPh>
    <phoneticPr fontId="3"/>
  </si>
  <si>
    <t>生野区林寺五丁目１１－１３</t>
    <rPh sb="0" eb="3">
      <t>イクノク</t>
    </rPh>
    <rPh sb="3" eb="5">
      <t>ハヤシジ</t>
    </rPh>
    <rPh sb="5" eb="8">
      <t>５チョウメ</t>
    </rPh>
    <phoneticPr fontId="3"/>
  </si>
  <si>
    <t>はるみ薬局</t>
    <rPh sb="3" eb="5">
      <t>ヤッキョク</t>
    </rPh>
    <phoneticPr fontId="3"/>
  </si>
  <si>
    <t>生野区小路東二丁目１－２４</t>
    <rPh sb="0" eb="3">
      <t>イクノク</t>
    </rPh>
    <rPh sb="3" eb="5">
      <t>ショウジ</t>
    </rPh>
    <rPh sb="5" eb="6">
      <t>ヒガシ</t>
    </rPh>
    <rPh sb="6" eb="9">
      <t>ニチョウメ</t>
    </rPh>
    <phoneticPr fontId="3"/>
  </si>
  <si>
    <t>生野区田島五丁目２３－３９　
１階</t>
    <rPh sb="0" eb="3">
      <t>イクノク</t>
    </rPh>
    <rPh sb="3" eb="5">
      <t>タジマ</t>
    </rPh>
    <rPh sb="5" eb="6">
      <t>５</t>
    </rPh>
    <rPh sb="6" eb="8">
      <t>チョウメ</t>
    </rPh>
    <rPh sb="16" eb="17">
      <t>カイ</t>
    </rPh>
    <phoneticPr fontId="3"/>
  </si>
  <si>
    <t>阪神調剤薬局　今里店</t>
    <rPh sb="0" eb="2">
      <t>ハンシン</t>
    </rPh>
    <rPh sb="2" eb="4">
      <t>チョウザイ</t>
    </rPh>
    <rPh sb="4" eb="6">
      <t>ヤッキョク</t>
    </rPh>
    <rPh sb="7" eb="9">
      <t>イマザト</t>
    </rPh>
    <rPh sb="9" eb="10">
      <t>テン</t>
    </rPh>
    <phoneticPr fontId="3"/>
  </si>
  <si>
    <t>生野区新今里三丁目２３－１０</t>
    <rPh sb="0" eb="3">
      <t>イクノク</t>
    </rPh>
    <rPh sb="3" eb="4">
      <t>シン</t>
    </rPh>
    <rPh sb="4" eb="6">
      <t>イマザト</t>
    </rPh>
    <rPh sb="6" eb="9">
      <t>３チョウメ</t>
    </rPh>
    <phoneticPr fontId="3"/>
  </si>
  <si>
    <t>アシスト薬局</t>
    <rPh sb="4" eb="6">
      <t>ヤッキョク</t>
    </rPh>
    <phoneticPr fontId="3"/>
  </si>
  <si>
    <t>生野区勝山北一丁目９－６　
エスピー勝山北　101号</t>
    <rPh sb="0" eb="3">
      <t>イクノク</t>
    </rPh>
    <rPh sb="3" eb="6">
      <t>カツヤマキタ</t>
    </rPh>
    <rPh sb="6" eb="9">
      <t>１チョウメ</t>
    </rPh>
    <rPh sb="18" eb="21">
      <t>カツヤマキタ</t>
    </rPh>
    <rPh sb="25" eb="26">
      <t>ゴウ</t>
    </rPh>
    <phoneticPr fontId="3"/>
  </si>
  <si>
    <t>生野区勝山北一丁目２－１</t>
    <rPh sb="0" eb="3">
      <t>イクノク</t>
    </rPh>
    <rPh sb="3" eb="5">
      <t>カツヤマ</t>
    </rPh>
    <rPh sb="5" eb="6">
      <t>キタ</t>
    </rPh>
    <rPh sb="6" eb="9">
      <t>１チョウメ</t>
    </rPh>
    <phoneticPr fontId="3"/>
  </si>
  <si>
    <t>ウエルシア薬局　生野巽北店</t>
    <rPh sb="5" eb="7">
      <t>ヤッキョク</t>
    </rPh>
    <rPh sb="8" eb="10">
      <t>イクノ</t>
    </rPh>
    <rPh sb="10" eb="11">
      <t>タツミ</t>
    </rPh>
    <rPh sb="11" eb="12">
      <t>キタ</t>
    </rPh>
    <rPh sb="12" eb="13">
      <t>テン</t>
    </rPh>
    <phoneticPr fontId="3"/>
  </si>
  <si>
    <t>生野区巽北四丁目２－１０</t>
    <rPh sb="0" eb="3">
      <t>イクノク</t>
    </rPh>
    <rPh sb="3" eb="5">
      <t>タツミキタ</t>
    </rPh>
    <rPh sb="5" eb="8">
      <t>４チョウメ</t>
    </rPh>
    <phoneticPr fontId="3"/>
  </si>
  <si>
    <t>さくら薬局　大阪巽中店</t>
    <rPh sb="3" eb="5">
      <t>ヤッキョク</t>
    </rPh>
    <rPh sb="6" eb="8">
      <t>オオサカ</t>
    </rPh>
    <rPh sb="8" eb="10">
      <t>タツミナカ</t>
    </rPh>
    <rPh sb="10" eb="11">
      <t>テン</t>
    </rPh>
    <phoneticPr fontId="3"/>
  </si>
  <si>
    <t>生野区巽中二丁目２５－４　
１階</t>
    <rPh sb="0" eb="3">
      <t>イクノク</t>
    </rPh>
    <rPh sb="3" eb="5">
      <t>タツミナカ</t>
    </rPh>
    <rPh sb="5" eb="8">
      <t>ニチョウメ</t>
    </rPh>
    <rPh sb="15" eb="16">
      <t>カイ</t>
    </rPh>
    <phoneticPr fontId="3"/>
  </si>
  <si>
    <t>オーブ薬局</t>
    <rPh sb="3" eb="5">
      <t>ヤッキョク</t>
    </rPh>
    <phoneticPr fontId="3"/>
  </si>
  <si>
    <t>生野区小路東五丁目７－５　
１階</t>
    <rPh sb="0" eb="3">
      <t>イクノク</t>
    </rPh>
    <rPh sb="3" eb="6">
      <t>ショウジヒガシ</t>
    </rPh>
    <rPh sb="6" eb="9">
      <t>ゴチョウメ</t>
    </rPh>
    <rPh sb="15" eb="16">
      <t>カイ</t>
    </rPh>
    <phoneticPr fontId="3"/>
  </si>
  <si>
    <t>林寺のぞみ薬局</t>
    <rPh sb="0" eb="2">
      <t>ハヤシジ</t>
    </rPh>
    <rPh sb="5" eb="7">
      <t>ヤッキョク</t>
    </rPh>
    <phoneticPr fontId="3"/>
  </si>
  <si>
    <t>生野区林寺三丁目１５－１５</t>
    <rPh sb="0" eb="3">
      <t>イクノク</t>
    </rPh>
    <rPh sb="3" eb="5">
      <t>ハヤシジ</t>
    </rPh>
    <rPh sb="5" eb="8">
      <t>サンチョウメ</t>
    </rPh>
    <phoneticPr fontId="3"/>
  </si>
  <si>
    <t>アールド薬局</t>
    <rPh sb="4" eb="6">
      <t>ヤッキョク</t>
    </rPh>
    <phoneticPr fontId="3"/>
  </si>
  <si>
    <t>生野区田島五丁目１３－２　
１階</t>
    <rPh sb="0" eb="3">
      <t>イクノク</t>
    </rPh>
    <rPh sb="3" eb="5">
      <t>タジマ</t>
    </rPh>
    <rPh sb="5" eb="8">
      <t>ゴチョウメ</t>
    </rPh>
    <rPh sb="15" eb="16">
      <t>カイ</t>
    </rPh>
    <phoneticPr fontId="3"/>
  </si>
  <si>
    <t>ナチュラル薬局　</t>
    <rPh sb="5" eb="7">
      <t>ヤッキョク</t>
    </rPh>
    <phoneticPr fontId="3"/>
  </si>
  <si>
    <t>生野区田島五丁目１－３０</t>
    <rPh sb="0" eb="3">
      <t>イクノク</t>
    </rPh>
    <rPh sb="3" eb="5">
      <t>タジマ</t>
    </rPh>
    <rPh sb="5" eb="8">
      <t>ゴチョウメ</t>
    </rPh>
    <phoneticPr fontId="3"/>
  </si>
  <si>
    <t>ナチュラル薬局　舎利寺</t>
    <rPh sb="5" eb="7">
      <t>ヤッキョク</t>
    </rPh>
    <rPh sb="8" eb="11">
      <t>シャリジ</t>
    </rPh>
    <phoneticPr fontId="3"/>
  </si>
  <si>
    <t>生野区舎利寺二丁目１４－５　
１階</t>
    <rPh sb="0" eb="3">
      <t>イクノク</t>
    </rPh>
    <rPh sb="3" eb="6">
      <t>シャリジ</t>
    </rPh>
    <rPh sb="6" eb="9">
      <t>ニチョウメ</t>
    </rPh>
    <rPh sb="16" eb="17">
      <t>カイ</t>
    </rPh>
    <phoneticPr fontId="3"/>
  </si>
  <si>
    <t>生野区巽中一丁目２３－６　
１階</t>
    <rPh sb="0" eb="3">
      <t>イクノク</t>
    </rPh>
    <rPh sb="3" eb="5">
      <t>タツミナカ</t>
    </rPh>
    <rPh sb="5" eb="8">
      <t>イッチョウメ</t>
    </rPh>
    <rPh sb="15" eb="16">
      <t>カイ</t>
    </rPh>
    <phoneticPr fontId="3"/>
  </si>
  <si>
    <t>生野区田島五丁目１６－１１　
１階</t>
    <rPh sb="0" eb="3">
      <t>イクノク</t>
    </rPh>
    <rPh sb="3" eb="5">
      <t>タジマ</t>
    </rPh>
    <rPh sb="5" eb="8">
      <t>ゴチョウメ</t>
    </rPh>
    <rPh sb="16" eb="17">
      <t>カイ</t>
    </rPh>
    <phoneticPr fontId="3"/>
  </si>
  <si>
    <t>ココナラ薬局</t>
    <rPh sb="4" eb="6">
      <t>ヤッキョク</t>
    </rPh>
    <phoneticPr fontId="3"/>
  </si>
  <si>
    <t>生野区巽南三丁目４－２２</t>
    <rPh sb="0" eb="3">
      <t>イクノク</t>
    </rPh>
    <rPh sb="3" eb="5">
      <t>タツミミナミ</t>
    </rPh>
    <rPh sb="5" eb="8">
      <t>サンチョウメ</t>
    </rPh>
    <phoneticPr fontId="3"/>
  </si>
  <si>
    <t>生野区</t>
    <rPh sb="2" eb="3">
      <t>ク</t>
    </rPh>
    <phoneticPr fontId="3"/>
  </si>
  <si>
    <t>2203645</t>
  </si>
  <si>
    <t>オレンジ薬局　寺田町店</t>
    <rPh sb="4" eb="6">
      <t>ヤッキョク</t>
    </rPh>
    <rPh sb="7" eb="10">
      <t>テラダチョウ</t>
    </rPh>
    <rPh sb="10" eb="11">
      <t>テン</t>
    </rPh>
    <phoneticPr fontId="3"/>
  </si>
  <si>
    <t>生野区林寺一丁目３－１２</t>
    <rPh sb="0" eb="3">
      <t>イクノク</t>
    </rPh>
    <rPh sb="3" eb="5">
      <t>ハヤシジ</t>
    </rPh>
    <rPh sb="5" eb="8">
      <t>イッチョウメ</t>
    </rPh>
    <phoneticPr fontId="3"/>
  </si>
  <si>
    <t>生野区</t>
  </si>
  <si>
    <t>2203652</t>
  </si>
  <si>
    <t>生野区田島五丁目８－３２</t>
    <rPh sb="0" eb="3">
      <t>イクノク</t>
    </rPh>
    <rPh sb="3" eb="5">
      <t>タジマ</t>
    </rPh>
    <rPh sb="5" eb="8">
      <t>ゴチョウメ</t>
    </rPh>
    <phoneticPr fontId="3"/>
  </si>
  <si>
    <t>2203660</t>
  </si>
  <si>
    <t>永和薬局</t>
    <rPh sb="0" eb="2">
      <t>エイワ</t>
    </rPh>
    <rPh sb="2" eb="4">
      <t>ヤッキョク</t>
    </rPh>
    <phoneticPr fontId="3"/>
  </si>
  <si>
    <t>生野区鶴橋二丁目１６－８
永和薬品ビル　１階</t>
    <rPh sb="0" eb="2">
      <t>イクノ</t>
    </rPh>
    <rPh sb="2" eb="3">
      <t>ク</t>
    </rPh>
    <rPh sb="3" eb="5">
      <t>ツルハシ</t>
    </rPh>
    <rPh sb="5" eb="8">
      <t>ニチョウメ</t>
    </rPh>
    <rPh sb="13" eb="15">
      <t>エイワ</t>
    </rPh>
    <rPh sb="15" eb="17">
      <t>ヤクヒン</t>
    </rPh>
    <rPh sb="21" eb="22">
      <t>カイ</t>
    </rPh>
    <phoneticPr fontId="3"/>
  </si>
  <si>
    <t>2203694</t>
  </si>
  <si>
    <t>よつば薬局　今里店</t>
    <rPh sb="3" eb="5">
      <t>ヤッキョク</t>
    </rPh>
    <rPh sb="6" eb="9">
      <t>イマザトテン</t>
    </rPh>
    <phoneticPr fontId="3"/>
  </si>
  <si>
    <t>生野区中川一丁目１－１４　
１階</t>
    <rPh sb="0" eb="3">
      <t>イクノク</t>
    </rPh>
    <rPh sb="3" eb="5">
      <t>ナカガワ</t>
    </rPh>
    <rPh sb="5" eb="8">
      <t>イッチョウメ</t>
    </rPh>
    <rPh sb="15" eb="16">
      <t>カイ</t>
    </rPh>
    <phoneticPr fontId="3"/>
  </si>
  <si>
    <t>旭区</t>
    <rPh sb="0" eb="2">
      <t>アサヒク</t>
    </rPh>
    <phoneticPr fontId="3"/>
  </si>
  <si>
    <t>吉田薬局</t>
    <rPh sb="0" eb="1">
      <t>ヨシ</t>
    </rPh>
    <rPh sb="1" eb="2">
      <t>タ</t>
    </rPh>
    <rPh sb="2" eb="4">
      <t>ヤッキョク</t>
    </rPh>
    <phoneticPr fontId="3"/>
  </si>
  <si>
    <t>旭区中宮三丁目７－２９</t>
    <rPh sb="0" eb="2">
      <t>アサヒク</t>
    </rPh>
    <rPh sb="2" eb="4">
      <t>ナカミヤ</t>
    </rPh>
    <rPh sb="4" eb="7">
      <t>サンチョウメ</t>
    </rPh>
    <phoneticPr fontId="3"/>
  </si>
  <si>
    <t>たかどの薬局</t>
    <rPh sb="4" eb="6">
      <t>ヤッキョク</t>
    </rPh>
    <phoneticPr fontId="3"/>
  </si>
  <si>
    <t>旭区高殿七丁目８－３</t>
    <rPh sb="0" eb="2">
      <t>アサヒク</t>
    </rPh>
    <rPh sb="2" eb="4">
      <t>タカドノ</t>
    </rPh>
    <rPh sb="4" eb="7">
      <t>ナナチョウメ</t>
    </rPh>
    <phoneticPr fontId="3"/>
  </si>
  <si>
    <t>横山薬局</t>
    <rPh sb="0" eb="2">
      <t>ヨコヤマ</t>
    </rPh>
    <rPh sb="2" eb="4">
      <t>ヤッキョク</t>
    </rPh>
    <phoneticPr fontId="3"/>
  </si>
  <si>
    <t>旭区中宮二丁目２５－１６</t>
    <rPh sb="0" eb="2">
      <t>アサヒク</t>
    </rPh>
    <rPh sb="2" eb="4">
      <t>ナカミヤ</t>
    </rPh>
    <rPh sb="4" eb="7">
      <t>ニチョウメ</t>
    </rPh>
    <phoneticPr fontId="3"/>
  </si>
  <si>
    <t>マツモト薬局</t>
    <rPh sb="4" eb="6">
      <t>ヤッキョク</t>
    </rPh>
    <phoneticPr fontId="3"/>
  </si>
  <si>
    <t>旭区大宮四丁目５－２８</t>
    <rPh sb="0" eb="2">
      <t>アサヒク</t>
    </rPh>
    <rPh sb="2" eb="4">
      <t>オオミヤ</t>
    </rPh>
    <rPh sb="4" eb="7">
      <t>ヨンチョウメ</t>
    </rPh>
    <phoneticPr fontId="3"/>
  </si>
  <si>
    <t>ほてい堂薬局</t>
    <rPh sb="3" eb="4">
      <t>ドウ</t>
    </rPh>
    <rPh sb="4" eb="6">
      <t>ヤッキョク</t>
    </rPh>
    <phoneticPr fontId="3"/>
  </si>
  <si>
    <t>旭区赤川四丁目１－８</t>
    <rPh sb="0" eb="2">
      <t>アサヒク</t>
    </rPh>
    <rPh sb="2" eb="4">
      <t>アカガワ</t>
    </rPh>
    <rPh sb="4" eb="7">
      <t>ヨンチョウメ</t>
    </rPh>
    <phoneticPr fontId="3"/>
  </si>
  <si>
    <t>横田薬局</t>
    <rPh sb="0" eb="2">
      <t>ヨコタ</t>
    </rPh>
    <rPh sb="2" eb="4">
      <t>ヤッキョク</t>
    </rPh>
    <phoneticPr fontId="3"/>
  </si>
  <si>
    <t>旭区生江一丁目９－１７</t>
    <rPh sb="0" eb="2">
      <t>アサヒク</t>
    </rPh>
    <rPh sb="2" eb="4">
      <t>イクエ</t>
    </rPh>
    <rPh sb="4" eb="7">
      <t>イッチョウメ</t>
    </rPh>
    <phoneticPr fontId="3"/>
  </si>
  <si>
    <t>旭区大宮一丁目１４－２０</t>
    <rPh sb="4" eb="7">
      <t>イッチョウメ</t>
    </rPh>
    <phoneticPr fontId="3"/>
  </si>
  <si>
    <t>旭区大宮二丁目１７－２４　
アークシティ旭　１階</t>
    <rPh sb="4" eb="5">
      <t>ニ</t>
    </rPh>
    <rPh sb="5" eb="7">
      <t>チョウメ</t>
    </rPh>
    <phoneticPr fontId="8"/>
  </si>
  <si>
    <t>コスモファーマシー薬局</t>
    <rPh sb="9" eb="11">
      <t>ヤッキョク</t>
    </rPh>
    <phoneticPr fontId="3"/>
  </si>
  <si>
    <t>旭区清水三丁目７－２２　
村瀬マンション　１階</t>
    <rPh sb="0" eb="2">
      <t>アサヒク</t>
    </rPh>
    <rPh sb="2" eb="4">
      <t>シミズ</t>
    </rPh>
    <rPh sb="4" eb="7">
      <t>サンチョウメ</t>
    </rPh>
    <rPh sb="13" eb="15">
      <t>ムラセ</t>
    </rPh>
    <rPh sb="22" eb="23">
      <t>カイ</t>
    </rPh>
    <phoneticPr fontId="3"/>
  </si>
  <si>
    <t>イワサキ保健薬局</t>
    <rPh sb="4" eb="6">
      <t>ホケン</t>
    </rPh>
    <rPh sb="6" eb="8">
      <t>ヤッキョク</t>
    </rPh>
    <phoneticPr fontId="3"/>
  </si>
  <si>
    <t>旭区中宮五丁目４－３０－１０８　
ライオンズマンション千林大宮</t>
    <rPh sb="0" eb="2">
      <t>アサヒク</t>
    </rPh>
    <rPh sb="2" eb="4">
      <t>ナカミヤ</t>
    </rPh>
    <rPh sb="4" eb="7">
      <t>ゴチョウメ</t>
    </rPh>
    <rPh sb="27" eb="29">
      <t>センバヤシ</t>
    </rPh>
    <rPh sb="29" eb="31">
      <t>オオミヤ</t>
    </rPh>
    <phoneticPr fontId="3"/>
  </si>
  <si>
    <t>スワ薬局</t>
    <rPh sb="2" eb="4">
      <t>ヤッキョク</t>
    </rPh>
    <phoneticPr fontId="3"/>
  </si>
  <si>
    <t>旭区赤川三丁目１－１１</t>
    <rPh sb="0" eb="2">
      <t>アサヒク</t>
    </rPh>
    <rPh sb="2" eb="4">
      <t>アカガワ</t>
    </rPh>
    <rPh sb="4" eb="7">
      <t>サンチョウメ</t>
    </rPh>
    <phoneticPr fontId="3"/>
  </si>
  <si>
    <t>旭区新森五丁目２－２５</t>
    <rPh sb="4" eb="7">
      <t>５チョウメ</t>
    </rPh>
    <phoneticPr fontId="8"/>
  </si>
  <si>
    <t>米田薬局</t>
    <rPh sb="0" eb="2">
      <t>ヨネダ</t>
    </rPh>
    <rPh sb="2" eb="4">
      <t>ヤッキョク</t>
    </rPh>
    <phoneticPr fontId="3"/>
  </si>
  <si>
    <t>旭区清水三丁目３－３３　
公平ビル　１０３号</t>
    <rPh sb="0" eb="2">
      <t>アサヒク</t>
    </rPh>
    <rPh sb="2" eb="4">
      <t>シミズ</t>
    </rPh>
    <rPh sb="4" eb="7">
      <t>サンチョウメ</t>
    </rPh>
    <rPh sb="13" eb="15">
      <t>コウヘイ</t>
    </rPh>
    <rPh sb="21" eb="22">
      <t>ゴウ</t>
    </rPh>
    <phoneticPr fontId="3"/>
  </si>
  <si>
    <t>旭区赤川二丁目４－１４</t>
    <rPh sb="4" eb="7">
      <t>ニチョウメ</t>
    </rPh>
    <phoneticPr fontId="3"/>
  </si>
  <si>
    <t>サエラ薬局　新森店</t>
    <rPh sb="3" eb="5">
      <t>ヤッキョク</t>
    </rPh>
    <rPh sb="6" eb="8">
      <t>シンモリ</t>
    </rPh>
    <rPh sb="8" eb="9">
      <t>テン</t>
    </rPh>
    <phoneticPr fontId="3"/>
  </si>
  <si>
    <t>旭区新森七丁目９－９－１０１　
サンファミリー</t>
    <rPh sb="0" eb="2">
      <t>アサヒク</t>
    </rPh>
    <rPh sb="2" eb="4">
      <t>シンモリ</t>
    </rPh>
    <rPh sb="4" eb="7">
      <t>ナナチョウメ</t>
    </rPh>
    <phoneticPr fontId="3"/>
  </si>
  <si>
    <t>旭区赤川二丁目１７－２　
岸本ビル　１０２</t>
    <rPh sb="0" eb="2">
      <t>アサヒク</t>
    </rPh>
    <rPh sb="2" eb="4">
      <t>アカガワ</t>
    </rPh>
    <rPh sb="4" eb="7">
      <t>ニチョウメ</t>
    </rPh>
    <rPh sb="13" eb="15">
      <t>キシモト</t>
    </rPh>
    <phoneticPr fontId="3"/>
  </si>
  <si>
    <t>新わかば薬局　新森店</t>
    <rPh sb="0" eb="1">
      <t>シン</t>
    </rPh>
    <rPh sb="4" eb="6">
      <t>ヤッキョク</t>
    </rPh>
    <rPh sb="7" eb="9">
      <t>シンモリ</t>
    </rPh>
    <rPh sb="9" eb="10">
      <t>テン</t>
    </rPh>
    <phoneticPr fontId="3"/>
  </si>
  <si>
    <t>旭区新森五丁目１５－２８</t>
    <rPh sb="0" eb="2">
      <t>アサヒク</t>
    </rPh>
    <rPh sb="2" eb="4">
      <t>シンモリ</t>
    </rPh>
    <rPh sb="4" eb="7">
      <t>ゴチョウメ</t>
    </rPh>
    <phoneticPr fontId="3"/>
  </si>
  <si>
    <t>旭区赤川一丁目２－１１　
エクシオプレイスⅡ　１階</t>
    <rPh sb="0" eb="2">
      <t>アサヒク</t>
    </rPh>
    <rPh sb="2" eb="4">
      <t>アカガワ</t>
    </rPh>
    <rPh sb="4" eb="7">
      <t>イッチョウメ</t>
    </rPh>
    <rPh sb="24" eb="25">
      <t>カイ</t>
    </rPh>
    <phoneticPr fontId="3"/>
  </si>
  <si>
    <t>ココカラファイン薬局　関目高殿店</t>
  </si>
  <si>
    <t>旭区高殿四丁目２２－２６</t>
    <rPh sb="4" eb="7">
      <t>ヨンチョウメ</t>
    </rPh>
    <phoneticPr fontId="3"/>
  </si>
  <si>
    <t>旭区赤川四丁目１－３９　
あさひビル　１階</t>
    <rPh sb="4" eb="7">
      <t>ヨンチョウメ</t>
    </rPh>
    <phoneticPr fontId="3"/>
  </si>
  <si>
    <t>さくらんぼ薬局</t>
    <rPh sb="5" eb="7">
      <t>ヤッキョク</t>
    </rPh>
    <phoneticPr fontId="3"/>
  </si>
  <si>
    <t>旭区大宮一丁目１３－８</t>
    <rPh sb="0" eb="2">
      <t>アサヒク</t>
    </rPh>
    <rPh sb="2" eb="4">
      <t>オオミヤ</t>
    </rPh>
    <rPh sb="4" eb="7">
      <t>イッチョウメ</t>
    </rPh>
    <phoneticPr fontId="3"/>
  </si>
  <si>
    <t>ファルコ薬局　森小路店</t>
    <rPh sb="4" eb="6">
      <t>ヤッキョク</t>
    </rPh>
    <rPh sb="7" eb="10">
      <t>モリショウジ</t>
    </rPh>
    <rPh sb="10" eb="11">
      <t>テン</t>
    </rPh>
    <phoneticPr fontId="3"/>
  </si>
  <si>
    <t>旭区大宮一丁目１１－１２</t>
    <rPh sb="0" eb="2">
      <t>アサヒク</t>
    </rPh>
    <rPh sb="2" eb="4">
      <t>オオミヤ</t>
    </rPh>
    <rPh sb="4" eb="5">
      <t>イチ</t>
    </rPh>
    <rPh sb="5" eb="7">
      <t>チョウメ</t>
    </rPh>
    <phoneticPr fontId="3"/>
  </si>
  <si>
    <t>大阪千林さくら薬局</t>
    <rPh sb="0" eb="2">
      <t>オオサカ</t>
    </rPh>
    <rPh sb="2" eb="4">
      <t>センバヤシ</t>
    </rPh>
    <rPh sb="7" eb="9">
      <t>ヤッキョク</t>
    </rPh>
    <phoneticPr fontId="3"/>
  </si>
  <si>
    <t>旭区新森七丁目１５－２－１０１　
福子ハイツ</t>
    <rPh sb="0" eb="2">
      <t>アサヒク</t>
    </rPh>
    <rPh sb="2" eb="4">
      <t>シンモリ</t>
    </rPh>
    <rPh sb="4" eb="7">
      <t>ナナチョウメ</t>
    </rPh>
    <phoneticPr fontId="3"/>
  </si>
  <si>
    <t>そうごう薬局　旭大宮店</t>
    <rPh sb="4" eb="6">
      <t>ヤッキョク</t>
    </rPh>
    <rPh sb="7" eb="8">
      <t>アサヒ</t>
    </rPh>
    <rPh sb="8" eb="11">
      <t>オオミヤテン</t>
    </rPh>
    <phoneticPr fontId="3"/>
  </si>
  <si>
    <t>旭区大宮五丁目４－２３</t>
    <rPh sb="0" eb="2">
      <t>アサヒク</t>
    </rPh>
    <rPh sb="2" eb="4">
      <t>オオミヤ</t>
    </rPh>
    <rPh sb="4" eb="7">
      <t>5チョウメ</t>
    </rPh>
    <phoneticPr fontId="3"/>
  </si>
  <si>
    <t>フォーユー薬局</t>
    <rPh sb="5" eb="7">
      <t>ヤッキョク</t>
    </rPh>
    <phoneticPr fontId="3"/>
  </si>
  <si>
    <t>旭区新森七丁目１５－１６</t>
    <rPh sb="0" eb="2">
      <t>アサヒク</t>
    </rPh>
    <rPh sb="2" eb="3">
      <t>シン</t>
    </rPh>
    <rPh sb="3" eb="4">
      <t>モリ</t>
    </rPh>
    <rPh sb="4" eb="7">
      <t>ナナチョウメ</t>
    </rPh>
    <phoneticPr fontId="3"/>
  </si>
  <si>
    <t>サンプラザ薬局森小路</t>
    <rPh sb="7" eb="10">
      <t>モリショウジ</t>
    </rPh>
    <phoneticPr fontId="3"/>
  </si>
  <si>
    <t>旭区新森四丁目１３－２３　
１階</t>
    <rPh sb="0" eb="2">
      <t>アサヒク</t>
    </rPh>
    <rPh sb="2" eb="4">
      <t>シンモリ</t>
    </rPh>
    <rPh sb="4" eb="7">
      <t>ヨンチョウメ</t>
    </rPh>
    <rPh sb="15" eb="16">
      <t>カイ</t>
    </rPh>
    <phoneticPr fontId="3"/>
  </si>
  <si>
    <t>祥漢堂薬局　千林店</t>
    <rPh sb="0" eb="1">
      <t>ショウ</t>
    </rPh>
    <rPh sb="1" eb="2">
      <t>カン</t>
    </rPh>
    <rPh sb="2" eb="3">
      <t>ドウ</t>
    </rPh>
    <rPh sb="3" eb="5">
      <t>ヤッキョク</t>
    </rPh>
    <rPh sb="6" eb="8">
      <t>センバヤシ</t>
    </rPh>
    <rPh sb="8" eb="9">
      <t>テン</t>
    </rPh>
    <phoneticPr fontId="3"/>
  </si>
  <si>
    <t>旭区千林二丁目１３－４</t>
    <rPh sb="0" eb="2">
      <t>アサヒク</t>
    </rPh>
    <rPh sb="2" eb="4">
      <t>センバヤシ</t>
    </rPh>
    <rPh sb="4" eb="5">
      <t>２</t>
    </rPh>
    <rPh sb="5" eb="7">
      <t>チョウメ</t>
    </rPh>
    <phoneticPr fontId="3"/>
  </si>
  <si>
    <t>クオール薬局　清水店</t>
    <rPh sb="4" eb="6">
      <t>ヤッキョク</t>
    </rPh>
    <rPh sb="7" eb="9">
      <t>シミズ</t>
    </rPh>
    <rPh sb="9" eb="10">
      <t>テン</t>
    </rPh>
    <phoneticPr fontId="3"/>
  </si>
  <si>
    <t>旭区清水三丁目２７－１７</t>
    <rPh sb="0" eb="2">
      <t>アサヒク</t>
    </rPh>
    <rPh sb="2" eb="4">
      <t>シミズ</t>
    </rPh>
    <rPh sb="4" eb="5">
      <t>サン</t>
    </rPh>
    <rPh sb="5" eb="7">
      <t>チョウメ</t>
    </rPh>
    <phoneticPr fontId="3"/>
  </si>
  <si>
    <t>森小路健民薬局</t>
    <rPh sb="0" eb="3">
      <t>モリショウジ</t>
    </rPh>
    <rPh sb="3" eb="4">
      <t>ケン</t>
    </rPh>
    <rPh sb="4" eb="5">
      <t>ミン</t>
    </rPh>
    <rPh sb="5" eb="7">
      <t>ヤッキョク</t>
    </rPh>
    <phoneticPr fontId="3"/>
  </si>
  <si>
    <t>旭区新森三丁目３－３１</t>
    <rPh sb="0" eb="2">
      <t>アサヒク</t>
    </rPh>
    <rPh sb="2" eb="4">
      <t>シンモリ</t>
    </rPh>
    <rPh sb="4" eb="7">
      <t>３チョウメ</t>
    </rPh>
    <phoneticPr fontId="3"/>
  </si>
  <si>
    <t>旭区大宮一丁目１－５　
１階</t>
    <rPh sb="0" eb="2">
      <t>アサヒク</t>
    </rPh>
    <rPh sb="2" eb="4">
      <t>オオミヤ</t>
    </rPh>
    <rPh sb="4" eb="7">
      <t>イッチョウメ</t>
    </rPh>
    <rPh sb="13" eb="14">
      <t>カイ</t>
    </rPh>
    <phoneticPr fontId="3"/>
  </si>
  <si>
    <t>オレンジ薬局　新森古市店</t>
    <rPh sb="4" eb="6">
      <t>ヤッキョク</t>
    </rPh>
    <rPh sb="7" eb="9">
      <t>シンモリ</t>
    </rPh>
    <rPh sb="9" eb="11">
      <t>フルイチ</t>
    </rPh>
    <rPh sb="11" eb="12">
      <t>テン</t>
    </rPh>
    <phoneticPr fontId="3"/>
  </si>
  <si>
    <t>旭区新森四丁目２－３０　
村田ビル　１階</t>
    <rPh sb="0" eb="2">
      <t>アサヒク</t>
    </rPh>
    <rPh sb="2" eb="4">
      <t>シンモリ</t>
    </rPh>
    <rPh sb="4" eb="7">
      <t>ヨンチョウメ</t>
    </rPh>
    <rPh sb="13" eb="15">
      <t>ムラタ</t>
    </rPh>
    <rPh sb="19" eb="20">
      <t>カイ</t>
    </rPh>
    <phoneticPr fontId="3"/>
  </si>
  <si>
    <t>スギ薬局　高殿店</t>
    <rPh sb="2" eb="4">
      <t>ヤッキョク</t>
    </rPh>
    <rPh sb="5" eb="6">
      <t>タカ</t>
    </rPh>
    <rPh sb="6" eb="7">
      <t>トノ</t>
    </rPh>
    <rPh sb="7" eb="8">
      <t>テン</t>
    </rPh>
    <phoneticPr fontId="3"/>
  </si>
  <si>
    <t>535-００31</t>
  </si>
  <si>
    <t>旭区高殿四丁目１－６　
阪急オアシス高殿店　２階</t>
    <rPh sb="0" eb="2">
      <t>アサヒク</t>
    </rPh>
    <rPh sb="2" eb="3">
      <t>タカ</t>
    </rPh>
    <rPh sb="3" eb="4">
      <t>トノ</t>
    </rPh>
    <rPh sb="4" eb="7">
      <t>４チョウメ</t>
    </rPh>
    <rPh sb="12" eb="14">
      <t>ハンキュウ</t>
    </rPh>
    <rPh sb="18" eb="19">
      <t>タカ</t>
    </rPh>
    <rPh sb="19" eb="20">
      <t>トノ</t>
    </rPh>
    <rPh sb="20" eb="21">
      <t>テン</t>
    </rPh>
    <rPh sb="23" eb="24">
      <t>カイ</t>
    </rPh>
    <phoneticPr fontId="3"/>
  </si>
  <si>
    <t>よつば薬局</t>
    <rPh sb="3" eb="5">
      <t>ヤッキョク</t>
    </rPh>
    <phoneticPr fontId="3"/>
  </si>
  <si>
    <t>旭区中宮五丁目３－２６　
１階</t>
    <rPh sb="0" eb="2">
      <t>アサヒク</t>
    </rPh>
    <rPh sb="2" eb="4">
      <t>ナカミヤ</t>
    </rPh>
    <rPh sb="4" eb="7">
      <t>５チョウメ</t>
    </rPh>
    <rPh sb="14" eb="15">
      <t>カイ</t>
    </rPh>
    <phoneticPr fontId="3"/>
  </si>
  <si>
    <t>入江薬局</t>
    <rPh sb="0" eb="2">
      <t>イリエ</t>
    </rPh>
    <rPh sb="2" eb="4">
      <t>ヤッキョク</t>
    </rPh>
    <phoneticPr fontId="3"/>
  </si>
  <si>
    <t>旭区今市一丁目５－１９　
１階</t>
    <rPh sb="0" eb="2">
      <t>アサヒク</t>
    </rPh>
    <rPh sb="2" eb="3">
      <t>イマ</t>
    </rPh>
    <rPh sb="3" eb="4">
      <t>イチ</t>
    </rPh>
    <rPh sb="4" eb="7">
      <t>１チョウメ</t>
    </rPh>
    <rPh sb="14" eb="15">
      <t>カイ</t>
    </rPh>
    <phoneticPr fontId="3"/>
  </si>
  <si>
    <t>スギ薬局　生江店</t>
    <rPh sb="2" eb="4">
      <t>ヤッキョク</t>
    </rPh>
    <rPh sb="5" eb="7">
      <t>イクエ</t>
    </rPh>
    <rPh sb="7" eb="8">
      <t>テン</t>
    </rPh>
    <phoneticPr fontId="3"/>
  </si>
  <si>
    <t>旭区生江一丁目３－２</t>
    <rPh sb="0" eb="2">
      <t>アサヒク</t>
    </rPh>
    <rPh sb="2" eb="4">
      <t>イクエ</t>
    </rPh>
    <rPh sb="4" eb="7">
      <t>イッチョウメ</t>
    </rPh>
    <phoneticPr fontId="3"/>
  </si>
  <si>
    <t>旭区森小路二丁目１０－２　
ソリッド２１　１階</t>
    <rPh sb="0" eb="2">
      <t>アサヒク</t>
    </rPh>
    <rPh sb="2" eb="5">
      <t>モリショウジ</t>
    </rPh>
    <rPh sb="5" eb="8">
      <t>ニチョウメ</t>
    </rPh>
    <rPh sb="22" eb="23">
      <t>カイ</t>
    </rPh>
    <phoneticPr fontId="3"/>
  </si>
  <si>
    <t>阪神調剤薬局　関目店</t>
    <rPh sb="0" eb="2">
      <t>ハンシン</t>
    </rPh>
    <rPh sb="2" eb="4">
      <t>チョウザイ</t>
    </rPh>
    <rPh sb="4" eb="6">
      <t>ヤッキョク</t>
    </rPh>
    <rPh sb="7" eb="9">
      <t>セキメ</t>
    </rPh>
    <rPh sb="9" eb="10">
      <t>テン</t>
    </rPh>
    <phoneticPr fontId="3"/>
  </si>
  <si>
    <t>旭区高殿六丁目４－２４</t>
    <rPh sb="0" eb="2">
      <t>アサヒク</t>
    </rPh>
    <rPh sb="2" eb="4">
      <t>タカドノ</t>
    </rPh>
    <rPh sb="4" eb="7">
      <t>ロクチョウメ</t>
    </rPh>
    <phoneticPr fontId="3"/>
  </si>
  <si>
    <t>旭区</t>
  </si>
  <si>
    <t>3101806</t>
  </si>
  <si>
    <t>ひなた薬局</t>
    <rPh sb="3" eb="5">
      <t>ヤッキョク</t>
    </rPh>
    <phoneticPr fontId="3"/>
  </si>
  <si>
    <t>旭区生江二丁目８－３</t>
    <rPh sb="0" eb="1">
      <t>アサヒ</t>
    </rPh>
    <rPh sb="1" eb="2">
      <t>ク</t>
    </rPh>
    <rPh sb="2" eb="4">
      <t>イクエ</t>
    </rPh>
    <rPh sb="4" eb="7">
      <t>ニチョウメ</t>
    </rPh>
    <phoneticPr fontId="3"/>
  </si>
  <si>
    <t>3101814</t>
  </si>
  <si>
    <t>旭区中宮二丁目２５－１５</t>
    <rPh sb="0" eb="2">
      <t>アサヒク</t>
    </rPh>
    <rPh sb="2" eb="4">
      <t>ナカミヤ</t>
    </rPh>
    <rPh sb="4" eb="7">
      <t>ニチョウメ</t>
    </rPh>
    <phoneticPr fontId="3"/>
  </si>
  <si>
    <t>3101822</t>
  </si>
  <si>
    <t>あけぼの薬局　千林店</t>
    <rPh sb="4" eb="6">
      <t>ヤッキョク</t>
    </rPh>
    <rPh sb="7" eb="9">
      <t>センバヤシ</t>
    </rPh>
    <rPh sb="9" eb="10">
      <t>テン</t>
    </rPh>
    <phoneticPr fontId="3"/>
  </si>
  <si>
    <t>旭区千林二丁目１－２０</t>
    <rPh sb="0" eb="2">
      <t>アサヒク</t>
    </rPh>
    <rPh sb="2" eb="4">
      <t>センバヤシ</t>
    </rPh>
    <rPh sb="4" eb="7">
      <t>ニチョウメ</t>
    </rPh>
    <phoneticPr fontId="3"/>
  </si>
  <si>
    <t>城東区</t>
    <rPh sb="0" eb="3">
      <t>ジョウトウク</t>
    </rPh>
    <phoneticPr fontId="3"/>
  </si>
  <si>
    <t>城東区関目五丁目１５－３１</t>
    <rPh sb="0" eb="3">
      <t>ジョウトウク</t>
    </rPh>
    <rPh sb="3" eb="5">
      <t>セキメ</t>
    </rPh>
    <rPh sb="5" eb="8">
      <t>ゴチョウメ</t>
    </rPh>
    <phoneticPr fontId="3"/>
  </si>
  <si>
    <t>ファミリー薬局</t>
    <rPh sb="5" eb="7">
      <t>ヤッキョク</t>
    </rPh>
    <phoneticPr fontId="3"/>
  </si>
  <si>
    <t>城東区今福南四丁目８－８</t>
    <rPh sb="0" eb="3">
      <t>ジョウトウク</t>
    </rPh>
    <rPh sb="3" eb="6">
      <t>イマフクミナミ</t>
    </rPh>
    <rPh sb="6" eb="9">
      <t>ヨンチョウメ</t>
    </rPh>
    <phoneticPr fontId="3"/>
  </si>
  <si>
    <t>カツタ薬局</t>
    <rPh sb="3" eb="5">
      <t>ヤッキョク</t>
    </rPh>
    <phoneticPr fontId="3"/>
  </si>
  <si>
    <t>城東区関目二丁目７－１２</t>
    <rPh sb="0" eb="3">
      <t>ジョウトウク</t>
    </rPh>
    <rPh sb="3" eb="5">
      <t>セキメ</t>
    </rPh>
    <rPh sb="5" eb="8">
      <t>ニチョウメ</t>
    </rPh>
    <phoneticPr fontId="3"/>
  </si>
  <si>
    <t>ミワ薬局</t>
    <rPh sb="2" eb="4">
      <t>ヤッキョク</t>
    </rPh>
    <phoneticPr fontId="3"/>
  </si>
  <si>
    <t>城東区鴫野西五丁目２－３３</t>
    <rPh sb="0" eb="3">
      <t>ジョウトウク</t>
    </rPh>
    <rPh sb="3" eb="6">
      <t>シギノニシ</t>
    </rPh>
    <rPh sb="6" eb="9">
      <t>ゴチョウメ</t>
    </rPh>
    <phoneticPr fontId="3"/>
  </si>
  <si>
    <t>シンポ薬局</t>
    <rPh sb="3" eb="5">
      <t>ヤッキョク</t>
    </rPh>
    <phoneticPr fontId="3"/>
  </si>
  <si>
    <t>城東区今福西一丁目９－２</t>
    <rPh sb="0" eb="3">
      <t>ジョウトウク</t>
    </rPh>
    <rPh sb="3" eb="6">
      <t>イマフクニシ</t>
    </rPh>
    <rPh sb="6" eb="9">
      <t>イッチョウメ</t>
    </rPh>
    <phoneticPr fontId="3"/>
  </si>
  <si>
    <t>野江薬局</t>
    <rPh sb="0" eb="2">
      <t>ノエ</t>
    </rPh>
    <rPh sb="2" eb="4">
      <t>ヤッキョク</t>
    </rPh>
    <phoneticPr fontId="3"/>
  </si>
  <si>
    <t>城東区野江四丁目１４－３</t>
    <rPh sb="0" eb="3">
      <t>ジョウトウク</t>
    </rPh>
    <rPh sb="3" eb="5">
      <t>ノエ</t>
    </rPh>
    <rPh sb="5" eb="8">
      <t>ヨンチョウメ</t>
    </rPh>
    <phoneticPr fontId="3"/>
  </si>
  <si>
    <t>城東区関目三丁目１５－３</t>
    <rPh sb="0" eb="3">
      <t>ジョウトウク</t>
    </rPh>
    <rPh sb="3" eb="5">
      <t>セキメ</t>
    </rPh>
    <rPh sb="5" eb="8">
      <t>サンチョウメ</t>
    </rPh>
    <phoneticPr fontId="3"/>
  </si>
  <si>
    <t>城東区中央一丁目８－２０</t>
    <rPh sb="0" eb="3">
      <t>ジョウトウク</t>
    </rPh>
    <rPh sb="3" eb="5">
      <t>チュウオウ</t>
    </rPh>
    <rPh sb="5" eb="8">
      <t>イッチョウメ</t>
    </rPh>
    <phoneticPr fontId="3"/>
  </si>
  <si>
    <t>城東区鴫野東三丁目１８－２３</t>
    <rPh sb="6" eb="9">
      <t>サンチョウメ</t>
    </rPh>
    <phoneticPr fontId="3"/>
  </si>
  <si>
    <t>鴫野ファーマシィ薬局</t>
    <rPh sb="0" eb="2">
      <t>シギノ</t>
    </rPh>
    <rPh sb="8" eb="10">
      <t>ヤッキョク</t>
    </rPh>
    <phoneticPr fontId="3"/>
  </si>
  <si>
    <t>城東区鴫野東一丁目１３－５</t>
    <rPh sb="6" eb="9">
      <t>１チョウメ</t>
    </rPh>
    <phoneticPr fontId="8"/>
  </si>
  <si>
    <t>城東区東中浜一丁目３－７</t>
    <rPh sb="0" eb="3">
      <t>ジョウトウク</t>
    </rPh>
    <rPh sb="3" eb="6">
      <t>ヒガシナカハマ</t>
    </rPh>
    <rPh sb="6" eb="9">
      <t>イッチョウメ</t>
    </rPh>
    <phoneticPr fontId="3"/>
  </si>
  <si>
    <t>城東区東中浜一丁目２－２１</t>
    <rPh sb="0" eb="3">
      <t>ジョウトウク</t>
    </rPh>
    <rPh sb="3" eb="6">
      <t>ヒガシナカハマ</t>
    </rPh>
    <rPh sb="6" eb="9">
      <t>イッチョウメ</t>
    </rPh>
    <phoneticPr fontId="3"/>
  </si>
  <si>
    <t>西薬局　城東店</t>
    <rPh sb="0" eb="1">
      <t>ニシ</t>
    </rPh>
    <rPh sb="1" eb="3">
      <t>ヤッキョク</t>
    </rPh>
    <rPh sb="4" eb="7">
      <t>ジョウトウテン</t>
    </rPh>
    <phoneticPr fontId="3"/>
  </si>
  <si>
    <t>城東区東中浜一丁目３－６</t>
    <rPh sb="0" eb="3">
      <t>ジョウトウク</t>
    </rPh>
    <rPh sb="3" eb="6">
      <t>ヒガシナカハマ</t>
    </rPh>
    <rPh sb="6" eb="9">
      <t>イッチョウメ</t>
    </rPh>
    <phoneticPr fontId="3"/>
  </si>
  <si>
    <t>グリーンファーマシー薬膳薬局</t>
    <rPh sb="10" eb="12">
      <t>ヤクゼン</t>
    </rPh>
    <rPh sb="12" eb="14">
      <t>ヤッキョク</t>
    </rPh>
    <phoneticPr fontId="3"/>
  </si>
  <si>
    <t>城東区関目五丁目６－１１　
ローレンス宗ハイツ　１階</t>
    <rPh sb="0" eb="3">
      <t>ジョウトウク</t>
    </rPh>
    <rPh sb="3" eb="5">
      <t>セキメ</t>
    </rPh>
    <rPh sb="5" eb="8">
      <t>５チョウメ</t>
    </rPh>
    <rPh sb="19" eb="20">
      <t>ソウ</t>
    </rPh>
    <rPh sb="25" eb="26">
      <t>カイ</t>
    </rPh>
    <phoneticPr fontId="3"/>
  </si>
  <si>
    <t>セイコー薬局</t>
    <rPh sb="4" eb="6">
      <t>ヤッキョク</t>
    </rPh>
    <phoneticPr fontId="3"/>
  </si>
  <si>
    <t>城東区中央一丁目８－４</t>
    <rPh sb="0" eb="3">
      <t>ジョウトウク</t>
    </rPh>
    <rPh sb="3" eb="5">
      <t>チュウオウ</t>
    </rPh>
    <rPh sb="5" eb="8">
      <t>イッチョウメ</t>
    </rPh>
    <phoneticPr fontId="3"/>
  </si>
  <si>
    <t>ヘルシー２１スミヨシ薬局</t>
    <rPh sb="10" eb="12">
      <t>ヤッキョク</t>
    </rPh>
    <phoneticPr fontId="3"/>
  </si>
  <si>
    <t>城東区今福東一丁目７－５</t>
    <rPh sb="0" eb="3">
      <t>ジョウトウク</t>
    </rPh>
    <rPh sb="3" eb="6">
      <t>イマフクヒガシ</t>
    </rPh>
    <rPh sb="6" eb="9">
      <t>イッチョウメ</t>
    </rPh>
    <phoneticPr fontId="3"/>
  </si>
  <si>
    <t>城東区関目一丁目１４－１５</t>
    <rPh sb="0" eb="3">
      <t>ジョウトウク</t>
    </rPh>
    <rPh sb="3" eb="5">
      <t>セキメ</t>
    </rPh>
    <rPh sb="5" eb="8">
      <t>イッチョウメ</t>
    </rPh>
    <phoneticPr fontId="3"/>
  </si>
  <si>
    <t>フロンティア薬局　古市店</t>
    <rPh sb="6" eb="8">
      <t>ヤッキョク</t>
    </rPh>
    <rPh sb="9" eb="12">
      <t>フルイチテン</t>
    </rPh>
    <phoneticPr fontId="3"/>
  </si>
  <si>
    <t>城東区古市一丁目２０－２</t>
    <rPh sb="0" eb="3">
      <t>ジョウトウク</t>
    </rPh>
    <rPh sb="3" eb="5">
      <t>フルイチ</t>
    </rPh>
    <rPh sb="5" eb="8">
      <t>イッチョウメ</t>
    </rPh>
    <phoneticPr fontId="3"/>
  </si>
  <si>
    <t>アピス薬局　蒲生店</t>
    <rPh sb="6" eb="8">
      <t>ガモウ</t>
    </rPh>
    <rPh sb="8" eb="9">
      <t>テン</t>
    </rPh>
    <phoneticPr fontId="3"/>
  </si>
  <si>
    <t>城東区新喜多二丁目６－２２　
第２アヴィタシオンＡＲＡＧＡＮＥ</t>
    <rPh sb="6" eb="9">
      <t>２チョウメ</t>
    </rPh>
    <phoneticPr fontId="8"/>
  </si>
  <si>
    <t>サエラ薬局　深江橋店</t>
    <rPh sb="6" eb="9">
      <t>フカエバシ</t>
    </rPh>
    <phoneticPr fontId="3"/>
  </si>
  <si>
    <t>城東区諏訪二丁目５－１４</t>
    <rPh sb="0" eb="3">
      <t>ジョウトウク</t>
    </rPh>
    <rPh sb="3" eb="5">
      <t>スワ</t>
    </rPh>
    <rPh sb="5" eb="8">
      <t>ニチョウメ</t>
    </rPh>
    <phoneticPr fontId="3"/>
  </si>
  <si>
    <t>阪神調剤薬局　緑橋東店</t>
    <rPh sb="0" eb="2">
      <t>ハンシン</t>
    </rPh>
    <rPh sb="2" eb="4">
      <t>チョウザイ</t>
    </rPh>
    <rPh sb="4" eb="6">
      <t>ヤッキョク</t>
    </rPh>
    <rPh sb="7" eb="8">
      <t>ミドリ</t>
    </rPh>
    <rPh sb="8" eb="9">
      <t>バシ</t>
    </rPh>
    <rPh sb="9" eb="10">
      <t>ヒガシ</t>
    </rPh>
    <rPh sb="10" eb="11">
      <t>テン</t>
    </rPh>
    <phoneticPr fontId="3"/>
  </si>
  <si>
    <t>城東区東中浜二丁目８－２８</t>
    <rPh sb="0" eb="3">
      <t>ジョウトウク</t>
    </rPh>
    <rPh sb="3" eb="4">
      <t>ヒガシ</t>
    </rPh>
    <rPh sb="4" eb="6">
      <t>ナカハマ</t>
    </rPh>
    <rPh sb="6" eb="9">
      <t>ニチョウメ</t>
    </rPh>
    <phoneticPr fontId="3"/>
  </si>
  <si>
    <t>城東区今福西一丁目３－３　
橋本ビル　１階</t>
    <rPh sb="0" eb="3">
      <t>ジョウトウク</t>
    </rPh>
    <rPh sb="3" eb="6">
      <t>イマフクニシ</t>
    </rPh>
    <rPh sb="6" eb="9">
      <t>イッチョウメ</t>
    </rPh>
    <rPh sb="14" eb="16">
      <t>ハシモト</t>
    </rPh>
    <rPh sb="20" eb="21">
      <t>カイ</t>
    </rPh>
    <phoneticPr fontId="3"/>
  </si>
  <si>
    <t>アイ薬局　緑橋店</t>
    <rPh sb="2" eb="4">
      <t>ヤッキョク</t>
    </rPh>
    <rPh sb="5" eb="6">
      <t>ミドリ</t>
    </rPh>
    <rPh sb="6" eb="7">
      <t>バシ</t>
    </rPh>
    <rPh sb="7" eb="8">
      <t>テン</t>
    </rPh>
    <phoneticPr fontId="3"/>
  </si>
  <si>
    <t>城東区東中浜三丁目３－５</t>
    <rPh sb="0" eb="3">
      <t>ジョウトウク</t>
    </rPh>
    <rPh sb="3" eb="6">
      <t>ヒガシナカハマ</t>
    </rPh>
    <rPh sb="6" eb="9">
      <t>サンチョウメ</t>
    </rPh>
    <phoneticPr fontId="3"/>
  </si>
  <si>
    <t>みどり薬局　城東店</t>
    <rPh sb="3" eb="5">
      <t>ヤッキョク</t>
    </rPh>
    <rPh sb="6" eb="8">
      <t>ジョウトウ</t>
    </rPh>
    <rPh sb="8" eb="9">
      <t>テン</t>
    </rPh>
    <phoneticPr fontId="3"/>
  </si>
  <si>
    <t>城東区鴫野西四丁目１－２４</t>
    <rPh sb="0" eb="3">
      <t>ジョウトウク</t>
    </rPh>
    <rPh sb="3" eb="6">
      <t>シギノニシ</t>
    </rPh>
    <rPh sb="6" eb="9">
      <t>ヨンチョウメ</t>
    </rPh>
    <phoneticPr fontId="3"/>
  </si>
  <si>
    <t>阪神調剤薬局　森之宮店</t>
    <rPh sb="0" eb="2">
      <t>ハンシン</t>
    </rPh>
    <phoneticPr fontId="3"/>
  </si>
  <si>
    <t>城東区森之宮二丁目４－４</t>
    <rPh sb="6" eb="9">
      <t>ニチョウメ</t>
    </rPh>
    <phoneticPr fontId="3"/>
  </si>
  <si>
    <t>城東区鴫野東二丁目２４－２２</t>
    <rPh sb="6" eb="9">
      <t>ニチョウメ</t>
    </rPh>
    <phoneticPr fontId="3"/>
  </si>
  <si>
    <t>城東区今福東三丁目１０－１８　
スギタ今福北ハイツ　１階Ｂ</t>
    <rPh sb="0" eb="3">
      <t>ジョウトウク</t>
    </rPh>
    <rPh sb="3" eb="5">
      <t>イマフク</t>
    </rPh>
    <rPh sb="5" eb="6">
      <t>ヒガシ</t>
    </rPh>
    <rPh sb="6" eb="9">
      <t>サンチョウメ</t>
    </rPh>
    <rPh sb="19" eb="21">
      <t>イマフク</t>
    </rPh>
    <rPh sb="21" eb="22">
      <t>キタ</t>
    </rPh>
    <rPh sb="27" eb="28">
      <t>カイ</t>
    </rPh>
    <phoneticPr fontId="3"/>
  </si>
  <si>
    <t>たけのこ薬局　関目店</t>
    <rPh sb="4" eb="6">
      <t>ヤッキョク</t>
    </rPh>
    <rPh sb="7" eb="9">
      <t>セキメ</t>
    </rPh>
    <rPh sb="9" eb="10">
      <t>テン</t>
    </rPh>
    <phoneticPr fontId="3"/>
  </si>
  <si>
    <t>城東区関目六丁目７－２－１０２</t>
    <rPh sb="0" eb="3">
      <t>ジョウトウク</t>
    </rPh>
    <rPh sb="3" eb="5">
      <t>セキメ</t>
    </rPh>
    <rPh sb="5" eb="8">
      <t>ロクチョウメ</t>
    </rPh>
    <phoneticPr fontId="3"/>
  </si>
  <si>
    <t>スカイ薬局</t>
    <rPh sb="3" eb="5">
      <t>ヤッキョク</t>
    </rPh>
    <phoneticPr fontId="3"/>
  </si>
  <si>
    <t>城東区鴫野西五丁目２２－１０</t>
    <rPh sb="0" eb="3">
      <t>ジョウトウク</t>
    </rPh>
    <rPh sb="3" eb="6">
      <t>シギノニシ</t>
    </rPh>
    <rPh sb="6" eb="9">
      <t>ゴチョウメ</t>
    </rPh>
    <phoneticPr fontId="3"/>
  </si>
  <si>
    <t>城東区成育四丁目２９－７</t>
    <rPh sb="0" eb="3">
      <t>ジョウトウク</t>
    </rPh>
    <rPh sb="3" eb="5">
      <t>セイイク</t>
    </rPh>
    <rPh sb="5" eb="8">
      <t>ヨンチョウメ</t>
    </rPh>
    <phoneticPr fontId="3"/>
  </si>
  <si>
    <t>ひまわり薬局　今福店</t>
    <rPh sb="4" eb="6">
      <t>ヤッキョク</t>
    </rPh>
    <rPh sb="7" eb="9">
      <t>イマフク</t>
    </rPh>
    <rPh sb="9" eb="10">
      <t>テン</t>
    </rPh>
    <phoneticPr fontId="3"/>
  </si>
  <si>
    <t>城東区今福西四丁目６－２２　
今福西ハートビル　１階</t>
    <rPh sb="0" eb="3">
      <t>ジョウトウク</t>
    </rPh>
    <rPh sb="3" eb="6">
      <t>イマフクニシ</t>
    </rPh>
    <rPh sb="6" eb="9">
      <t>ヨンチョウメ</t>
    </rPh>
    <rPh sb="15" eb="18">
      <t>イマフクニシ</t>
    </rPh>
    <rPh sb="25" eb="26">
      <t>カイ</t>
    </rPh>
    <phoneticPr fontId="3"/>
  </si>
  <si>
    <t>パルス薬局</t>
    <rPh sb="3" eb="5">
      <t>ヤッキョク</t>
    </rPh>
    <phoneticPr fontId="3"/>
  </si>
  <si>
    <t>城東区諏訪一丁目１８－５</t>
    <rPh sb="0" eb="3">
      <t>ジョウトウク</t>
    </rPh>
    <rPh sb="3" eb="5">
      <t>スワ</t>
    </rPh>
    <rPh sb="5" eb="6">
      <t>イチ</t>
    </rPh>
    <rPh sb="6" eb="8">
      <t>チョウメ</t>
    </rPh>
    <phoneticPr fontId="3"/>
  </si>
  <si>
    <t>スギ薬局　蒲生店</t>
    <rPh sb="2" eb="4">
      <t>ヤッキョク</t>
    </rPh>
    <rPh sb="5" eb="7">
      <t>ガモウ</t>
    </rPh>
    <rPh sb="7" eb="8">
      <t>テン</t>
    </rPh>
    <phoneticPr fontId="3"/>
  </si>
  <si>
    <t>城東区今福西一丁目９－１</t>
    <rPh sb="0" eb="3">
      <t>ジョウトウク</t>
    </rPh>
    <rPh sb="3" eb="6">
      <t>イマフクニシ</t>
    </rPh>
    <rPh sb="6" eb="9">
      <t>イッチョウメ</t>
    </rPh>
    <phoneticPr fontId="3"/>
  </si>
  <si>
    <t>スギ薬局　城東東中浜店</t>
    <rPh sb="2" eb="4">
      <t>ヤッキョク</t>
    </rPh>
    <rPh sb="5" eb="7">
      <t>ジョウトウ</t>
    </rPh>
    <rPh sb="7" eb="10">
      <t>ヒガシナカハマ</t>
    </rPh>
    <rPh sb="10" eb="11">
      <t>テン</t>
    </rPh>
    <phoneticPr fontId="3"/>
  </si>
  <si>
    <t>城東区東中浜五丁目７－７</t>
    <rPh sb="0" eb="3">
      <t>ジョウトウク</t>
    </rPh>
    <rPh sb="3" eb="4">
      <t>ヒガシ</t>
    </rPh>
    <rPh sb="4" eb="6">
      <t>ナカハマ</t>
    </rPh>
    <rPh sb="6" eb="7">
      <t>5</t>
    </rPh>
    <rPh sb="7" eb="9">
      <t>チョウメ</t>
    </rPh>
    <phoneticPr fontId="3"/>
  </si>
  <si>
    <t>はなまる薬局</t>
    <rPh sb="4" eb="6">
      <t>ヤッキョク</t>
    </rPh>
    <phoneticPr fontId="3"/>
  </si>
  <si>
    <t>城東区古市三丁目２４－１</t>
    <rPh sb="0" eb="3">
      <t>ジョウトウク</t>
    </rPh>
    <rPh sb="3" eb="5">
      <t>フルイチ</t>
    </rPh>
    <rPh sb="5" eb="8">
      <t>サンチョウメ</t>
    </rPh>
    <phoneticPr fontId="3"/>
  </si>
  <si>
    <t>パイン薬局</t>
    <rPh sb="3" eb="5">
      <t>ヤッキョク</t>
    </rPh>
    <phoneticPr fontId="3"/>
  </si>
  <si>
    <t>城東区関目五丁目１６－２６</t>
    <rPh sb="0" eb="3">
      <t>ジョウトウク</t>
    </rPh>
    <rPh sb="3" eb="5">
      <t>セキメ</t>
    </rPh>
    <rPh sb="5" eb="8">
      <t>ゴチョウメ</t>
    </rPh>
    <phoneticPr fontId="3"/>
  </si>
  <si>
    <t>城東区今福西二丁目６－６　
グランピア今福　１０４</t>
    <rPh sb="0" eb="3">
      <t>ジョウトウク</t>
    </rPh>
    <rPh sb="3" eb="5">
      <t>イマフク</t>
    </rPh>
    <rPh sb="5" eb="6">
      <t>ニシ</t>
    </rPh>
    <rPh sb="6" eb="9">
      <t>2チョウメ</t>
    </rPh>
    <rPh sb="19" eb="21">
      <t>イマフク</t>
    </rPh>
    <phoneticPr fontId="3"/>
  </si>
  <si>
    <t>さくら薬局　大阪蒲生店</t>
    <rPh sb="3" eb="5">
      <t>ヤッキョク</t>
    </rPh>
    <rPh sb="6" eb="8">
      <t>オオサカ</t>
    </rPh>
    <rPh sb="8" eb="10">
      <t>ガモウ</t>
    </rPh>
    <rPh sb="10" eb="11">
      <t>テン</t>
    </rPh>
    <phoneticPr fontId="3"/>
  </si>
  <si>
    <t>城東区蒲生三丁目１５－４</t>
    <rPh sb="0" eb="3">
      <t>ジョウトウク</t>
    </rPh>
    <rPh sb="3" eb="5">
      <t>ガモウ</t>
    </rPh>
    <rPh sb="5" eb="8">
      <t>3チョウメ</t>
    </rPh>
    <phoneticPr fontId="3"/>
  </si>
  <si>
    <t>スギ薬局　関目店</t>
    <rPh sb="2" eb="4">
      <t>ヤッキョク</t>
    </rPh>
    <rPh sb="5" eb="7">
      <t>セキメ</t>
    </rPh>
    <rPh sb="7" eb="8">
      <t>テン</t>
    </rPh>
    <phoneticPr fontId="3"/>
  </si>
  <si>
    <t>城東区成育二丁目１４－８</t>
    <rPh sb="0" eb="3">
      <t>ジョウトウク</t>
    </rPh>
    <rPh sb="3" eb="5">
      <t>セイイク</t>
    </rPh>
    <rPh sb="5" eb="8">
      <t>ニチョウメ</t>
    </rPh>
    <phoneticPr fontId="3"/>
  </si>
  <si>
    <t>パール薬局　蒲生店</t>
    <rPh sb="3" eb="5">
      <t>ヤッキョク</t>
    </rPh>
    <rPh sb="6" eb="8">
      <t>ガモウ</t>
    </rPh>
    <rPh sb="8" eb="9">
      <t>テン</t>
    </rPh>
    <phoneticPr fontId="3"/>
  </si>
  <si>
    <t>城東区中央一丁目９－３３　
泉秀園城東ビル　２階</t>
    <rPh sb="0" eb="3">
      <t>ジョウトウク</t>
    </rPh>
    <rPh sb="3" eb="5">
      <t>チュウオウ</t>
    </rPh>
    <rPh sb="5" eb="8">
      <t>イッチョウメ</t>
    </rPh>
    <rPh sb="14" eb="15">
      <t>イズミ</t>
    </rPh>
    <rPh sb="15" eb="16">
      <t>ヒデ</t>
    </rPh>
    <rPh sb="16" eb="17">
      <t>エン</t>
    </rPh>
    <rPh sb="17" eb="19">
      <t>ジョウトウ</t>
    </rPh>
    <rPh sb="23" eb="24">
      <t>カイ</t>
    </rPh>
    <phoneticPr fontId="3"/>
  </si>
  <si>
    <t>関目薬局</t>
    <rPh sb="0" eb="2">
      <t>セキメ</t>
    </rPh>
    <rPh sb="2" eb="4">
      <t>ヤッキョク</t>
    </rPh>
    <phoneticPr fontId="3"/>
  </si>
  <si>
    <t>城東区関目二丁目１２－３１</t>
    <rPh sb="0" eb="3">
      <t>ジョウトウク</t>
    </rPh>
    <rPh sb="3" eb="5">
      <t>セキメ</t>
    </rPh>
    <rPh sb="5" eb="8">
      <t>２チョウメ</t>
    </rPh>
    <phoneticPr fontId="3"/>
  </si>
  <si>
    <t>クオール薬局　関目高殿店</t>
    <rPh sb="4" eb="6">
      <t>ヤッキョク</t>
    </rPh>
    <rPh sb="7" eb="9">
      <t>セキメ</t>
    </rPh>
    <rPh sb="9" eb="11">
      <t>タカドノ</t>
    </rPh>
    <rPh sb="11" eb="12">
      <t>テン</t>
    </rPh>
    <phoneticPr fontId="3"/>
  </si>
  <si>
    <t>城東区成育五丁目２３－９　
関目タウンビル　１階</t>
    <rPh sb="0" eb="3">
      <t>ジョウトウク</t>
    </rPh>
    <rPh sb="3" eb="4">
      <t>ジョウ</t>
    </rPh>
    <rPh sb="4" eb="5">
      <t>イク</t>
    </rPh>
    <rPh sb="5" eb="6">
      <t>ゴ</t>
    </rPh>
    <rPh sb="6" eb="8">
      <t>チョウメ</t>
    </rPh>
    <rPh sb="14" eb="16">
      <t>セキメ</t>
    </rPh>
    <rPh sb="23" eb="24">
      <t>カイ</t>
    </rPh>
    <phoneticPr fontId="3"/>
  </si>
  <si>
    <t>クオール薬局　野江駅前店</t>
    <rPh sb="4" eb="6">
      <t>ヤッキョク</t>
    </rPh>
    <rPh sb="7" eb="9">
      <t>ノエ</t>
    </rPh>
    <rPh sb="9" eb="11">
      <t>エキマエ</t>
    </rPh>
    <rPh sb="11" eb="12">
      <t>テン</t>
    </rPh>
    <phoneticPr fontId="3"/>
  </si>
  <si>
    <t>城東区成育二丁目１１－２　
フローラルステージ成育　１階</t>
    <rPh sb="0" eb="3">
      <t>ジョウトウク</t>
    </rPh>
    <rPh sb="3" eb="4">
      <t>ジョウ</t>
    </rPh>
    <rPh sb="4" eb="5">
      <t>イク</t>
    </rPh>
    <rPh sb="5" eb="6">
      <t>ニ</t>
    </rPh>
    <rPh sb="6" eb="8">
      <t>チョウメ</t>
    </rPh>
    <rPh sb="23" eb="25">
      <t>セイイク</t>
    </rPh>
    <rPh sb="27" eb="28">
      <t>カイ</t>
    </rPh>
    <phoneticPr fontId="3"/>
  </si>
  <si>
    <t>コスモファーマ薬局　鴫野店</t>
    <rPh sb="7" eb="9">
      <t>ヤッキョク</t>
    </rPh>
    <rPh sb="10" eb="13">
      <t>シギノテン</t>
    </rPh>
    <phoneticPr fontId="3"/>
  </si>
  <si>
    <t>城東区鴫野東三丁目５－３０</t>
    <rPh sb="0" eb="3">
      <t>ジョウトウク</t>
    </rPh>
    <rPh sb="3" eb="5">
      <t>シギノ</t>
    </rPh>
    <rPh sb="5" eb="6">
      <t>ヒガシ</t>
    </rPh>
    <rPh sb="6" eb="9">
      <t>３チョウメ</t>
    </rPh>
    <phoneticPr fontId="3"/>
  </si>
  <si>
    <t>コスモファーマ薬局　蒲生店</t>
    <rPh sb="7" eb="8">
      <t>ヤッ</t>
    </rPh>
    <rPh sb="8" eb="9">
      <t>キョク</t>
    </rPh>
    <rPh sb="10" eb="12">
      <t>ガモウ</t>
    </rPh>
    <rPh sb="12" eb="13">
      <t>テン</t>
    </rPh>
    <phoneticPr fontId="3"/>
  </si>
  <si>
    <t>城東区中央一丁目２－２３　
京橋ハイツビルディング　１階</t>
    <rPh sb="0" eb="3">
      <t>ジョウトウク</t>
    </rPh>
    <rPh sb="3" eb="5">
      <t>チュウオウ</t>
    </rPh>
    <rPh sb="5" eb="8">
      <t>１チョウメ</t>
    </rPh>
    <rPh sb="14" eb="16">
      <t>キョウバシ</t>
    </rPh>
    <rPh sb="27" eb="28">
      <t>カイ</t>
    </rPh>
    <phoneticPr fontId="3"/>
  </si>
  <si>
    <t>順心堂城東薬局</t>
    <rPh sb="0" eb="1">
      <t>ジュン</t>
    </rPh>
    <rPh sb="1" eb="2">
      <t>シン</t>
    </rPh>
    <rPh sb="2" eb="3">
      <t>ドウ</t>
    </rPh>
    <rPh sb="3" eb="5">
      <t>ジョウトウ</t>
    </rPh>
    <rPh sb="5" eb="7">
      <t>ヤッキョク</t>
    </rPh>
    <phoneticPr fontId="3"/>
  </si>
  <si>
    <t>城東区中央二丁目１２－１１</t>
    <rPh sb="0" eb="3">
      <t>ジョウトウク</t>
    </rPh>
    <rPh sb="3" eb="5">
      <t>チュウオウ</t>
    </rPh>
    <rPh sb="5" eb="8">
      <t>ニチョウメ</t>
    </rPh>
    <phoneticPr fontId="3"/>
  </si>
  <si>
    <t>城東区諏訪四丁目１０－１０</t>
    <rPh sb="0" eb="3">
      <t>ジョウトウク</t>
    </rPh>
    <rPh sb="3" eb="5">
      <t>スワ</t>
    </rPh>
    <rPh sb="5" eb="8">
      <t>ヨンチョウメ</t>
    </rPh>
    <phoneticPr fontId="3"/>
  </si>
  <si>
    <t>ハザマ薬局</t>
    <rPh sb="3" eb="5">
      <t>ヤッキョク</t>
    </rPh>
    <phoneticPr fontId="3"/>
  </si>
  <si>
    <t>城東区森之宮一丁目５－１０５</t>
    <rPh sb="0" eb="3">
      <t>ジョウトウク</t>
    </rPh>
    <rPh sb="3" eb="6">
      <t>モリノミヤ</t>
    </rPh>
    <rPh sb="6" eb="9">
      <t>イチチョウメ</t>
    </rPh>
    <phoneticPr fontId="3"/>
  </si>
  <si>
    <t>城東区鴫野西五丁目１３－１</t>
    <rPh sb="0" eb="3">
      <t>ジョウトウク</t>
    </rPh>
    <rPh sb="3" eb="5">
      <t>シギノ</t>
    </rPh>
    <rPh sb="5" eb="6">
      <t>ニシ</t>
    </rPh>
    <rPh sb="6" eb="9">
      <t>ゴチョウメ</t>
    </rPh>
    <phoneticPr fontId="3"/>
  </si>
  <si>
    <t>城東区鴫野東二丁目１２－１６</t>
    <rPh sb="0" eb="3">
      <t>ジョウトウク</t>
    </rPh>
    <rPh sb="3" eb="5">
      <t>シギノ</t>
    </rPh>
    <rPh sb="5" eb="6">
      <t>ヒガシ</t>
    </rPh>
    <rPh sb="6" eb="9">
      <t>２チョウメ</t>
    </rPh>
    <phoneticPr fontId="3"/>
  </si>
  <si>
    <t>永田４９７６薬局</t>
    <rPh sb="0" eb="2">
      <t>ナガタ</t>
    </rPh>
    <rPh sb="6" eb="8">
      <t>ヤッキョク</t>
    </rPh>
    <phoneticPr fontId="3"/>
  </si>
  <si>
    <t>城東区永田四丁目１０－９　
シャルマン藤田Ⅱ　1階Ａ室</t>
    <rPh sb="0" eb="3">
      <t>ジョウトウク</t>
    </rPh>
    <rPh sb="3" eb="5">
      <t>ナガタ</t>
    </rPh>
    <rPh sb="5" eb="8">
      <t>４チョウメ</t>
    </rPh>
    <rPh sb="19" eb="21">
      <t>フジタ</t>
    </rPh>
    <rPh sb="24" eb="25">
      <t>カイ</t>
    </rPh>
    <rPh sb="26" eb="27">
      <t>シツ</t>
    </rPh>
    <phoneticPr fontId="3"/>
  </si>
  <si>
    <t>城東区永田三丁目２－６－２０９</t>
    <rPh sb="0" eb="3">
      <t>ジョウトウク</t>
    </rPh>
    <rPh sb="3" eb="5">
      <t>ナガタ</t>
    </rPh>
    <rPh sb="5" eb="8">
      <t>３チョウメ</t>
    </rPh>
    <phoneticPr fontId="3"/>
  </si>
  <si>
    <t>グリーン調剤薬局</t>
    <rPh sb="4" eb="6">
      <t>チョウザイ</t>
    </rPh>
    <rPh sb="6" eb="8">
      <t>ヤッキョク</t>
    </rPh>
    <phoneticPr fontId="3"/>
  </si>
  <si>
    <t>城東区野江四丁目１０－２５</t>
    <rPh sb="0" eb="3">
      <t>ジョウトウク</t>
    </rPh>
    <rPh sb="3" eb="5">
      <t>ノエ</t>
    </rPh>
    <rPh sb="5" eb="8">
      <t>４チョウメ</t>
    </rPh>
    <phoneticPr fontId="3"/>
  </si>
  <si>
    <t>たけのこ薬局　野江店</t>
    <rPh sb="4" eb="6">
      <t>ヤッキョク</t>
    </rPh>
    <rPh sb="7" eb="9">
      <t>ノエ</t>
    </rPh>
    <rPh sb="9" eb="10">
      <t>テン</t>
    </rPh>
    <phoneticPr fontId="3"/>
  </si>
  <si>
    <t>城東区野江三丁目２７－２９　
１階</t>
    <rPh sb="0" eb="3">
      <t>ジョウトウク</t>
    </rPh>
    <rPh sb="3" eb="5">
      <t>ノエ</t>
    </rPh>
    <rPh sb="5" eb="8">
      <t>３チョウメ</t>
    </rPh>
    <rPh sb="16" eb="17">
      <t>カイ</t>
    </rPh>
    <phoneticPr fontId="3"/>
  </si>
  <si>
    <t>三共薬局</t>
    <rPh sb="0" eb="2">
      <t>サンキョウ</t>
    </rPh>
    <rPh sb="2" eb="4">
      <t>ヤッキョク</t>
    </rPh>
    <phoneticPr fontId="3"/>
  </si>
  <si>
    <t>城東区森之宮二丁目１－３０　
サンコーポ森ノ宮　1階</t>
    <rPh sb="0" eb="3">
      <t>ジョウトウク</t>
    </rPh>
    <rPh sb="3" eb="6">
      <t>モリノミヤ</t>
    </rPh>
    <rPh sb="6" eb="9">
      <t>２チョウメ</t>
    </rPh>
    <rPh sb="20" eb="21">
      <t>モリ</t>
    </rPh>
    <rPh sb="22" eb="23">
      <t>ミヤ</t>
    </rPh>
    <rPh sb="25" eb="26">
      <t>カイ</t>
    </rPh>
    <phoneticPr fontId="3"/>
  </si>
  <si>
    <t>のぞみ薬局　鴫野店</t>
    <rPh sb="3" eb="5">
      <t>ヤッキョク</t>
    </rPh>
    <rPh sb="6" eb="8">
      <t>シギノ</t>
    </rPh>
    <rPh sb="8" eb="9">
      <t>テン</t>
    </rPh>
    <phoneticPr fontId="3"/>
  </si>
  <si>
    <t>城東区鴫野西四丁目１－３３　
１階２号</t>
    <rPh sb="0" eb="3">
      <t>ジョウトウク</t>
    </rPh>
    <rPh sb="3" eb="5">
      <t>シギノ</t>
    </rPh>
    <rPh sb="5" eb="6">
      <t>ニシ</t>
    </rPh>
    <rPh sb="6" eb="9">
      <t>ヨンチョウメ</t>
    </rPh>
    <rPh sb="16" eb="17">
      <t>カイ</t>
    </rPh>
    <rPh sb="18" eb="19">
      <t>ゴウ</t>
    </rPh>
    <phoneticPr fontId="3"/>
  </si>
  <si>
    <t>よこやま薬局</t>
    <rPh sb="4" eb="6">
      <t>ヤッキョク</t>
    </rPh>
    <phoneticPr fontId="3"/>
  </si>
  <si>
    <t>城東区今福西二丁目１６－１０</t>
    <rPh sb="0" eb="3">
      <t>ジョウトウク</t>
    </rPh>
    <rPh sb="3" eb="6">
      <t>イマフクニシ</t>
    </rPh>
    <rPh sb="6" eb="9">
      <t>２チョウメ</t>
    </rPh>
    <phoneticPr fontId="3"/>
  </si>
  <si>
    <t>サポート薬局</t>
    <rPh sb="3" eb="5">
      <t>ヤッキョク</t>
    </rPh>
    <phoneticPr fontId="3"/>
  </si>
  <si>
    <t>城東区諏訪四丁目１６－２８　
１階</t>
    <rPh sb="0" eb="3">
      <t>ジョウトウク</t>
    </rPh>
    <rPh sb="3" eb="5">
      <t>スワ</t>
    </rPh>
    <rPh sb="5" eb="8">
      <t>ヨンチョウメ</t>
    </rPh>
    <rPh sb="16" eb="17">
      <t>カイ</t>
    </rPh>
    <phoneticPr fontId="3"/>
  </si>
  <si>
    <t>城東区中浜三丁目２４－７　
Ｍ＆Ｃビル　１階</t>
    <rPh sb="0" eb="3">
      <t>ジョウトウク</t>
    </rPh>
    <rPh sb="3" eb="5">
      <t>ナカハマ</t>
    </rPh>
    <rPh sb="5" eb="8">
      <t>サンチョウメ</t>
    </rPh>
    <rPh sb="21" eb="22">
      <t>カイ</t>
    </rPh>
    <phoneticPr fontId="3"/>
  </si>
  <si>
    <t>ミント薬局</t>
    <rPh sb="3" eb="5">
      <t>ヤッキョク</t>
    </rPh>
    <phoneticPr fontId="3"/>
  </si>
  <si>
    <t>城東区中浜二丁目１８－７</t>
    <rPh sb="0" eb="3">
      <t>ジョウトウク</t>
    </rPh>
    <rPh sb="3" eb="4">
      <t>ナカ</t>
    </rPh>
    <rPh sb="4" eb="5">
      <t>ハマ</t>
    </rPh>
    <rPh sb="5" eb="8">
      <t>ニチョウメ</t>
    </rPh>
    <phoneticPr fontId="3"/>
  </si>
  <si>
    <t>くるみ薬局</t>
    <rPh sb="3" eb="5">
      <t>ヤ</t>
    </rPh>
    <phoneticPr fontId="3"/>
  </si>
  <si>
    <t>城東区今福西三丁目７－２８　
富士谷ＢＬＤ　1階</t>
    <rPh sb="0" eb="3">
      <t>ジョウトウク</t>
    </rPh>
    <rPh sb="3" eb="6">
      <t>イマフクニシ</t>
    </rPh>
    <rPh sb="6" eb="9">
      <t>サンチョウメ</t>
    </rPh>
    <rPh sb="15" eb="18">
      <t>フジタニ</t>
    </rPh>
    <rPh sb="23" eb="24">
      <t>カイ</t>
    </rPh>
    <phoneticPr fontId="3"/>
  </si>
  <si>
    <t>城東区</t>
    <rPh sb="0" eb="2">
      <t>ジョウトウ</t>
    </rPh>
    <rPh sb="2" eb="3">
      <t>ク</t>
    </rPh>
    <phoneticPr fontId="3"/>
  </si>
  <si>
    <t>4402377</t>
  </si>
  <si>
    <t>城東区中央一丁目１３－１８
１階</t>
    <rPh sb="0" eb="3">
      <t>ジョウトウク</t>
    </rPh>
    <rPh sb="3" eb="5">
      <t>チュウオウ</t>
    </rPh>
    <rPh sb="5" eb="8">
      <t>イッチョウメ</t>
    </rPh>
    <rPh sb="15" eb="16">
      <t>カイ</t>
    </rPh>
    <phoneticPr fontId="3"/>
  </si>
  <si>
    <t>4402385</t>
  </si>
  <si>
    <t>城東区関目一丁目１８－１２</t>
    <rPh sb="0" eb="3">
      <t>ジョウトウク</t>
    </rPh>
    <rPh sb="3" eb="5">
      <t>セキメ</t>
    </rPh>
    <rPh sb="5" eb="8">
      <t>イッチョウメ</t>
    </rPh>
    <phoneticPr fontId="3"/>
  </si>
  <si>
    <t>城東区</t>
  </si>
  <si>
    <t>4402401</t>
  </si>
  <si>
    <t>さわやか薬局</t>
    <rPh sb="4" eb="6">
      <t>ヤッキョク</t>
    </rPh>
    <phoneticPr fontId="3"/>
  </si>
  <si>
    <t>城東区蒲生三丁目１５－１１　
セザンヌ藤　１階</t>
    <rPh sb="0" eb="3">
      <t>ジョウトウク</t>
    </rPh>
    <rPh sb="3" eb="5">
      <t>ガモウ</t>
    </rPh>
    <rPh sb="5" eb="8">
      <t>サンチョウメ</t>
    </rPh>
    <rPh sb="19" eb="20">
      <t>フジ</t>
    </rPh>
    <rPh sb="22" eb="23">
      <t>カイ</t>
    </rPh>
    <phoneticPr fontId="3"/>
  </si>
  <si>
    <t>4402419</t>
  </si>
  <si>
    <t>城東区成育四丁目１９－１６　
リーデンス関目　１階</t>
    <rPh sb="0" eb="3">
      <t>ジョウトウク</t>
    </rPh>
    <rPh sb="3" eb="5">
      <t>セイイク</t>
    </rPh>
    <rPh sb="5" eb="8">
      <t>ヨンチョウメ</t>
    </rPh>
    <rPh sb="20" eb="22">
      <t>セキメ</t>
    </rPh>
    <rPh sb="24" eb="25">
      <t>カイ</t>
    </rPh>
    <phoneticPr fontId="3"/>
  </si>
  <si>
    <t>4402427</t>
  </si>
  <si>
    <t>鈴木薬局</t>
    <rPh sb="0" eb="2">
      <t>スズキ</t>
    </rPh>
    <rPh sb="2" eb="4">
      <t>ヤッキョク</t>
    </rPh>
    <phoneticPr fontId="3"/>
  </si>
  <si>
    <t>城東区中央三丁目２－２８</t>
    <rPh sb="0" eb="3">
      <t>ジョウトウク</t>
    </rPh>
    <rPh sb="3" eb="5">
      <t>チュウオウ</t>
    </rPh>
    <rPh sb="5" eb="8">
      <t>サンチョウメ</t>
    </rPh>
    <phoneticPr fontId="3"/>
  </si>
  <si>
    <t>鶴見区</t>
    <rPh sb="0" eb="3">
      <t>ツルミク</t>
    </rPh>
    <phoneticPr fontId="3"/>
  </si>
  <si>
    <t>東洋薬局</t>
    <rPh sb="0" eb="2">
      <t>トウヨウ</t>
    </rPh>
    <rPh sb="2" eb="4">
      <t>ヤッキョク</t>
    </rPh>
    <phoneticPr fontId="3"/>
  </si>
  <si>
    <t>鶴見区今津中一丁目６－１０　
シャトー幸福　１階</t>
    <rPh sb="0" eb="3">
      <t>ツルミク</t>
    </rPh>
    <rPh sb="3" eb="5">
      <t>イマヅ</t>
    </rPh>
    <rPh sb="5" eb="6">
      <t>ナカ</t>
    </rPh>
    <rPh sb="6" eb="9">
      <t>イッチョウメ</t>
    </rPh>
    <rPh sb="19" eb="21">
      <t>コウフク</t>
    </rPh>
    <rPh sb="23" eb="24">
      <t>カイ</t>
    </rPh>
    <phoneticPr fontId="3"/>
  </si>
  <si>
    <t>9200982</t>
  </si>
  <si>
    <t>大一薬局</t>
    <rPh sb="0" eb="1">
      <t>ダイ</t>
    </rPh>
    <rPh sb="1" eb="2">
      <t>イチ</t>
    </rPh>
    <rPh sb="2" eb="4">
      <t>ヤッキョク</t>
    </rPh>
    <phoneticPr fontId="3"/>
  </si>
  <si>
    <t>鶴見区放出東三丁目３３－２６</t>
    <rPh sb="0" eb="3">
      <t>ツルミク</t>
    </rPh>
    <rPh sb="3" eb="5">
      <t>ハナテン</t>
    </rPh>
    <rPh sb="5" eb="6">
      <t>ヒガシ</t>
    </rPh>
    <rPh sb="6" eb="9">
      <t>サンチョウメ</t>
    </rPh>
    <phoneticPr fontId="3"/>
  </si>
  <si>
    <t>小谷薬局</t>
    <rPh sb="0" eb="2">
      <t>コタニ</t>
    </rPh>
    <rPh sb="2" eb="4">
      <t>ヤッキョク</t>
    </rPh>
    <phoneticPr fontId="3"/>
  </si>
  <si>
    <t>鶴見区鶴見二丁目１５－２１</t>
    <rPh sb="0" eb="3">
      <t>ツルミク</t>
    </rPh>
    <rPh sb="3" eb="5">
      <t>ツルミ</t>
    </rPh>
    <rPh sb="5" eb="8">
      <t>ニチョウメ</t>
    </rPh>
    <phoneticPr fontId="3"/>
  </si>
  <si>
    <t>鶴見区放出東三丁目３２－１３</t>
    <rPh sb="0" eb="3">
      <t>ツルミク</t>
    </rPh>
    <rPh sb="3" eb="6">
      <t>ハナテンヒガシ</t>
    </rPh>
    <rPh sb="6" eb="9">
      <t>サンチョウメ</t>
    </rPh>
    <phoneticPr fontId="3"/>
  </si>
  <si>
    <t>鶴見区鶴見五丁目５－１６　
メゾン・シュールプラージュ　１階</t>
    <rPh sb="0" eb="3">
      <t>ツルミク</t>
    </rPh>
    <rPh sb="3" eb="5">
      <t>ツルミ</t>
    </rPh>
    <rPh sb="5" eb="8">
      <t>ゴチョウメ</t>
    </rPh>
    <rPh sb="29" eb="30">
      <t>カイ</t>
    </rPh>
    <phoneticPr fontId="3"/>
  </si>
  <si>
    <t>つるみ薬局</t>
    <rPh sb="3" eb="5">
      <t>ヤッキョク</t>
    </rPh>
    <phoneticPr fontId="3"/>
  </si>
  <si>
    <t>鶴見区茨田大宮四丁目１９－８</t>
    <rPh sb="0" eb="3">
      <t>ツルミク</t>
    </rPh>
    <rPh sb="3" eb="4">
      <t>イバラ</t>
    </rPh>
    <rPh sb="4" eb="5">
      <t>タ</t>
    </rPh>
    <rPh sb="5" eb="7">
      <t>オオミヤ</t>
    </rPh>
    <rPh sb="7" eb="10">
      <t>ヨンチョウメ</t>
    </rPh>
    <phoneticPr fontId="3"/>
  </si>
  <si>
    <t>マックファーマシー薬局</t>
    <rPh sb="9" eb="11">
      <t>ヤッキョク</t>
    </rPh>
    <phoneticPr fontId="3"/>
  </si>
  <si>
    <t>鶴見区今津中三丁目８－２　
パラドリームＩＢ　１０１</t>
    <rPh sb="0" eb="3">
      <t>ツルミク</t>
    </rPh>
    <rPh sb="3" eb="4">
      <t>イマ</t>
    </rPh>
    <rPh sb="4" eb="5">
      <t>ツ</t>
    </rPh>
    <rPh sb="5" eb="6">
      <t>ナカ</t>
    </rPh>
    <rPh sb="6" eb="9">
      <t>サンチョウメ</t>
    </rPh>
    <phoneticPr fontId="3"/>
  </si>
  <si>
    <t>鶴見区今津南二丁目５－３５</t>
    <rPh sb="0" eb="3">
      <t>ツルミク</t>
    </rPh>
    <rPh sb="3" eb="4">
      <t>イマ</t>
    </rPh>
    <rPh sb="4" eb="5">
      <t>ツ</t>
    </rPh>
    <rPh sb="5" eb="6">
      <t>ミナミ</t>
    </rPh>
    <rPh sb="6" eb="9">
      <t>ニチョウメ</t>
    </rPh>
    <phoneticPr fontId="3"/>
  </si>
  <si>
    <t>鶴見区放出東三丁目３２－７</t>
    <rPh sb="0" eb="3">
      <t>ツルミク</t>
    </rPh>
    <rPh sb="3" eb="6">
      <t>ハナテンヒガシ</t>
    </rPh>
    <rPh sb="6" eb="9">
      <t>サンチョウメ</t>
    </rPh>
    <phoneticPr fontId="3"/>
  </si>
  <si>
    <t>大手前薬局　ＪＲ放出駅ビル店</t>
    <rPh sb="0" eb="3">
      <t>オオテマエ</t>
    </rPh>
    <rPh sb="3" eb="5">
      <t>ヤッキョク</t>
    </rPh>
    <rPh sb="8" eb="10">
      <t>ハナテン</t>
    </rPh>
    <rPh sb="10" eb="11">
      <t>エキ</t>
    </rPh>
    <rPh sb="13" eb="14">
      <t>ミセ</t>
    </rPh>
    <phoneticPr fontId="3"/>
  </si>
  <si>
    <t>鶴見区放出東三丁目２１－５０　
ＪＲ放出駅ＮＫビル</t>
    <rPh sb="0" eb="3">
      <t>ツルミク</t>
    </rPh>
    <rPh sb="3" eb="6">
      <t>ハナテンヒガシ</t>
    </rPh>
    <rPh sb="6" eb="9">
      <t>サンチョウメ</t>
    </rPh>
    <rPh sb="18" eb="20">
      <t>ハナテン</t>
    </rPh>
    <rPh sb="20" eb="21">
      <t>エキ</t>
    </rPh>
    <phoneticPr fontId="3"/>
  </si>
  <si>
    <t>キリン薬局</t>
    <rPh sb="3" eb="5">
      <t>ヤッキョク</t>
    </rPh>
    <phoneticPr fontId="3"/>
  </si>
  <si>
    <t>鶴見区鶴見四丁目１６－４６</t>
    <rPh sb="0" eb="3">
      <t>ツルミク</t>
    </rPh>
    <rPh sb="3" eb="5">
      <t>ツルミ</t>
    </rPh>
    <rPh sb="5" eb="8">
      <t>ヨンチョウメ</t>
    </rPh>
    <phoneticPr fontId="3"/>
  </si>
  <si>
    <t>サエラ薬局　鶴見店</t>
    <rPh sb="3" eb="5">
      <t>ヤッキョク</t>
    </rPh>
    <rPh sb="6" eb="8">
      <t>ツルミ</t>
    </rPh>
    <rPh sb="8" eb="9">
      <t>テン</t>
    </rPh>
    <phoneticPr fontId="3"/>
  </si>
  <si>
    <t>鶴見区鶴見三丁目１３－３５　
グリーンビューつるみ</t>
    <rPh sb="0" eb="3">
      <t>ツルミク</t>
    </rPh>
    <rPh sb="3" eb="5">
      <t>ツルミ</t>
    </rPh>
    <rPh sb="5" eb="8">
      <t>サンチョウメ</t>
    </rPh>
    <phoneticPr fontId="3"/>
  </si>
  <si>
    <t>鶴見区放出東二丁目１０－２１</t>
    <rPh sb="0" eb="3">
      <t>ツルミク</t>
    </rPh>
    <rPh sb="3" eb="5">
      <t>ハナテン</t>
    </rPh>
    <rPh sb="5" eb="6">
      <t>ヒガシ</t>
    </rPh>
    <rPh sb="6" eb="9">
      <t>ニチョウメ</t>
    </rPh>
    <phoneticPr fontId="3"/>
  </si>
  <si>
    <t>かるがも薬局　横堤店</t>
    <rPh sb="4" eb="6">
      <t>ヤッキョク</t>
    </rPh>
    <rPh sb="7" eb="9">
      <t>ヨコヅツミ</t>
    </rPh>
    <rPh sb="9" eb="10">
      <t>テン</t>
    </rPh>
    <phoneticPr fontId="3"/>
  </si>
  <si>
    <t>鶴見区横堤三丁目８－１５</t>
    <rPh sb="0" eb="3">
      <t>ツルミク</t>
    </rPh>
    <rPh sb="3" eb="5">
      <t>ヨコヅツミ</t>
    </rPh>
    <rPh sb="5" eb="6">
      <t>サン</t>
    </rPh>
    <rPh sb="6" eb="8">
      <t>チョウメ</t>
    </rPh>
    <phoneticPr fontId="3"/>
  </si>
  <si>
    <t>近畿調剤鶴見諸口薬局</t>
    <rPh sb="0" eb="2">
      <t>キンキ</t>
    </rPh>
    <rPh sb="2" eb="4">
      <t>チョウザイ</t>
    </rPh>
    <rPh sb="4" eb="6">
      <t>ツルミ</t>
    </rPh>
    <rPh sb="6" eb="7">
      <t>モロ</t>
    </rPh>
    <rPh sb="7" eb="8">
      <t>グチ</t>
    </rPh>
    <rPh sb="8" eb="10">
      <t>ヤッキョク</t>
    </rPh>
    <phoneticPr fontId="3"/>
  </si>
  <si>
    <t>鶴見区諸口三丁目４－４３</t>
    <rPh sb="0" eb="3">
      <t>ツルミク</t>
    </rPh>
    <rPh sb="3" eb="4">
      <t>ショ</t>
    </rPh>
    <rPh sb="4" eb="5">
      <t>クチ</t>
    </rPh>
    <rPh sb="5" eb="6">
      <t>サン</t>
    </rPh>
    <rPh sb="6" eb="8">
      <t>チョウメ</t>
    </rPh>
    <phoneticPr fontId="3"/>
  </si>
  <si>
    <t>イオン薬局　鶴見緑地店</t>
    <rPh sb="3" eb="5">
      <t>ヤッキョク</t>
    </rPh>
    <rPh sb="6" eb="8">
      <t>ツルミ</t>
    </rPh>
    <rPh sb="8" eb="10">
      <t>リョクチ</t>
    </rPh>
    <rPh sb="10" eb="11">
      <t>テン</t>
    </rPh>
    <phoneticPr fontId="3"/>
  </si>
  <si>
    <t>鶴見区鶴見四丁目１７－１</t>
    <rPh sb="0" eb="3">
      <t>ツルミク</t>
    </rPh>
    <rPh sb="3" eb="5">
      <t>ツルミ</t>
    </rPh>
    <rPh sb="5" eb="8">
      <t>ヨンチョウメ</t>
    </rPh>
    <phoneticPr fontId="3"/>
  </si>
  <si>
    <t>スギ薬局　今福鶴見店</t>
    <rPh sb="2" eb="4">
      <t>ヤッキョク</t>
    </rPh>
    <rPh sb="5" eb="7">
      <t>イマフク</t>
    </rPh>
    <rPh sb="7" eb="9">
      <t>ツルミ</t>
    </rPh>
    <rPh sb="9" eb="10">
      <t>テン</t>
    </rPh>
    <phoneticPr fontId="3"/>
  </si>
  <si>
    <t>鶴見区鶴見三丁目６－１６</t>
    <rPh sb="0" eb="3">
      <t>ツルミク</t>
    </rPh>
    <rPh sb="3" eb="5">
      <t>ツルミ</t>
    </rPh>
    <rPh sb="5" eb="6">
      <t>サン</t>
    </rPh>
    <rPh sb="6" eb="8">
      <t>チョウメ</t>
    </rPh>
    <phoneticPr fontId="3"/>
  </si>
  <si>
    <t>スギ薬局　鶴見焼野店</t>
    <rPh sb="2" eb="4">
      <t>ヤッキョク</t>
    </rPh>
    <rPh sb="5" eb="7">
      <t>ツルミ</t>
    </rPh>
    <rPh sb="7" eb="9">
      <t>ヤケノ</t>
    </rPh>
    <rPh sb="9" eb="10">
      <t>テン</t>
    </rPh>
    <phoneticPr fontId="3"/>
  </si>
  <si>
    <t>鶴見区焼野二丁目南１－２２</t>
    <rPh sb="0" eb="3">
      <t>ツルミク</t>
    </rPh>
    <rPh sb="3" eb="5">
      <t>ヤケノ</t>
    </rPh>
    <rPh sb="5" eb="8">
      <t>ニチョウメ</t>
    </rPh>
    <rPh sb="8" eb="9">
      <t>ミナミ</t>
    </rPh>
    <phoneticPr fontId="3"/>
  </si>
  <si>
    <t>鶴見区鶴見四丁目１－２－１０２</t>
    <rPh sb="0" eb="3">
      <t>ツルミク</t>
    </rPh>
    <rPh sb="3" eb="5">
      <t>ツルミ</t>
    </rPh>
    <rPh sb="5" eb="8">
      <t>4チョウメ</t>
    </rPh>
    <phoneticPr fontId="3"/>
  </si>
  <si>
    <t>鶴見区諸口三丁目４－４８</t>
    <rPh sb="5" eb="8">
      <t>サンチョウメ</t>
    </rPh>
    <phoneticPr fontId="3"/>
  </si>
  <si>
    <t>かるがも薬局　鶴見店</t>
    <rPh sb="4" eb="6">
      <t>ヤッキョク</t>
    </rPh>
    <rPh sb="7" eb="10">
      <t>ツルミテン</t>
    </rPh>
    <phoneticPr fontId="3"/>
  </si>
  <si>
    <t>鶴見区横堤二丁目２３－５</t>
    <rPh sb="0" eb="3">
      <t>ツルミク</t>
    </rPh>
    <rPh sb="3" eb="4">
      <t>ヨコ</t>
    </rPh>
    <rPh sb="4" eb="5">
      <t>ツツミ</t>
    </rPh>
    <rPh sb="5" eb="8">
      <t>2チョウメ</t>
    </rPh>
    <phoneticPr fontId="3"/>
  </si>
  <si>
    <t>薬局マツモトキヨシ　放出店</t>
    <rPh sb="0" eb="2">
      <t>ヤッキョク</t>
    </rPh>
    <rPh sb="10" eb="12">
      <t>ハナテン</t>
    </rPh>
    <rPh sb="12" eb="13">
      <t>テン</t>
    </rPh>
    <phoneticPr fontId="3"/>
  </si>
  <si>
    <t>鶴見区今津南一丁目８－５</t>
    <rPh sb="0" eb="3">
      <t>ツルミク</t>
    </rPh>
    <rPh sb="3" eb="6">
      <t>イマヅミナミ</t>
    </rPh>
    <rPh sb="6" eb="9">
      <t>1チョウメ</t>
    </rPh>
    <phoneticPr fontId="3"/>
  </si>
  <si>
    <t>大阪のぞみ薬局</t>
    <rPh sb="0" eb="2">
      <t>オオサカ</t>
    </rPh>
    <rPh sb="5" eb="7">
      <t>ヤッキョク</t>
    </rPh>
    <phoneticPr fontId="3"/>
  </si>
  <si>
    <t>鶴見区放出東二丁目２１－３１</t>
    <rPh sb="0" eb="3">
      <t>ツルミク</t>
    </rPh>
    <rPh sb="3" eb="5">
      <t>ハナテン</t>
    </rPh>
    <rPh sb="5" eb="6">
      <t>ヒガシ</t>
    </rPh>
    <rPh sb="6" eb="9">
      <t>ニチョウメ</t>
    </rPh>
    <phoneticPr fontId="3"/>
  </si>
  <si>
    <t>ラビット薬局</t>
    <rPh sb="4" eb="6">
      <t>ヤッキョク</t>
    </rPh>
    <phoneticPr fontId="3"/>
  </si>
  <si>
    <t>鶴見区放出東二丁目４－１　
アーバン北田ビル１階</t>
    <rPh sb="0" eb="3">
      <t>ツルミク</t>
    </rPh>
    <rPh sb="3" eb="6">
      <t>ハナテンヒガシ</t>
    </rPh>
    <rPh sb="6" eb="9">
      <t>ニチョウメ</t>
    </rPh>
    <rPh sb="18" eb="20">
      <t>キタダ</t>
    </rPh>
    <rPh sb="23" eb="24">
      <t>カイ</t>
    </rPh>
    <phoneticPr fontId="3"/>
  </si>
  <si>
    <t>ひとみ薬局　鶴見緑地店</t>
    <rPh sb="3" eb="5">
      <t>ヤッキョク</t>
    </rPh>
    <rPh sb="6" eb="10">
      <t>ツルミリョクチ</t>
    </rPh>
    <rPh sb="10" eb="11">
      <t>テン</t>
    </rPh>
    <phoneticPr fontId="3"/>
  </si>
  <si>
    <t>鶴見区諸口三丁目１－２１　
エクセル・ラ・ヴェール　１階</t>
    <rPh sb="0" eb="3">
      <t>ツルミク</t>
    </rPh>
    <rPh sb="3" eb="4">
      <t>モロ</t>
    </rPh>
    <rPh sb="4" eb="5">
      <t>グチ</t>
    </rPh>
    <rPh sb="5" eb="6">
      <t>３</t>
    </rPh>
    <rPh sb="6" eb="8">
      <t>チョウメ</t>
    </rPh>
    <rPh sb="27" eb="28">
      <t>カイ</t>
    </rPh>
    <phoneticPr fontId="3"/>
  </si>
  <si>
    <t>とわ薬局　浜店</t>
    <rPh sb="2" eb="4">
      <t>ヤッキョク</t>
    </rPh>
    <rPh sb="5" eb="6">
      <t>ハマ</t>
    </rPh>
    <rPh sb="6" eb="7">
      <t>テン</t>
    </rPh>
    <phoneticPr fontId="3"/>
  </si>
  <si>
    <t>鶴見区諸口五丁目浜６－１８</t>
    <rPh sb="0" eb="3">
      <t>ツルミク</t>
    </rPh>
    <rPh sb="3" eb="4">
      <t>モロ</t>
    </rPh>
    <rPh sb="4" eb="5">
      <t>グチ</t>
    </rPh>
    <rPh sb="5" eb="8">
      <t>５チョウメ</t>
    </rPh>
    <rPh sb="8" eb="9">
      <t>ハマ</t>
    </rPh>
    <phoneticPr fontId="3"/>
  </si>
  <si>
    <t>やよい薬局</t>
    <rPh sb="3" eb="5">
      <t>ヤッキョク</t>
    </rPh>
    <phoneticPr fontId="3"/>
  </si>
  <si>
    <t>鶴見区諸口一丁目６－１９</t>
    <rPh sb="0" eb="1">
      <t>ツル</t>
    </rPh>
    <rPh sb="1" eb="2">
      <t>ミ</t>
    </rPh>
    <rPh sb="2" eb="3">
      <t>ク</t>
    </rPh>
    <rPh sb="3" eb="4">
      <t>モロ</t>
    </rPh>
    <rPh sb="4" eb="5">
      <t>グチ</t>
    </rPh>
    <rPh sb="5" eb="8">
      <t>１チョウメ</t>
    </rPh>
    <phoneticPr fontId="3"/>
  </si>
  <si>
    <t>グリーンパーク薬局　みどり店</t>
    <rPh sb="7" eb="9">
      <t>ヤッキョク</t>
    </rPh>
    <rPh sb="13" eb="14">
      <t>テン</t>
    </rPh>
    <phoneticPr fontId="3"/>
  </si>
  <si>
    <t>鶴見区緑一丁目１０－６　
１階</t>
    <rPh sb="0" eb="3">
      <t>ツルミク</t>
    </rPh>
    <rPh sb="3" eb="4">
      <t>ミドリ</t>
    </rPh>
    <rPh sb="4" eb="7">
      <t>１チョウメ</t>
    </rPh>
    <rPh sb="14" eb="15">
      <t>カイ</t>
    </rPh>
    <phoneticPr fontId="3"/>
  </si>
  <si>
    <t>アカカベ薬局　鶴見緑地店</t>
    <rPh sb="4" eb="6">
      <t>ヤッキョク</t>
    </rPh>
    <rPh sb="7" eb="9">
      <t>ツルミ</t>
    </rPh>
    <rPh sb="9" eb="11">
      <t>リョクチ</t>
    </rPh>
    <rPh sb="11" eb="12">
      <t>テン</t>
    </rPh>
    <phoneticPr fontId="3"/>
  </si>
  <si>
    <t>鶴見区浜五丁目１－４２</t>
    <rPh sb="0" eb="3">
      <t>ツルミク</t>
    </rPh>
    <rPh sb="3" eb="4">
      <t>ハマ</t>
    </rPh>
    <rPh sb="4" eb="7">
      <t>５チョウメ</t>
    </rPh>
    <phoneticPr fontId="3"/>
  </si>
  <si>
    <t>シンバシ薬局　鶴見店</t>
    <rPh sb="4" eb="6">
      <t>ヤッキョク</t>
    </rPh>
    <rPh sb="7" eb="9">
      <t>ツルミ</t>
    </rPh>
    <rPh sb="9" eb="10">
      <t>テン</t>
    </rPh>
    <phoneticPr fontId="3"/>
  </si>
  <si>
    <t>鶴見区諸口六丁目１－１３</t>
    <rPh sb="0" eb="3">
      <t>ツルミク</t>
    </rPh>
    <rPh sb="3" eb="5">
      <t>モロクチ</t>
    </rPh>
    <rPh sb="5" eb="8">
      <t>６チョウメ</t>
    </rPh>
    <phoneticPr fontId="3"/>
  </si>
  <si>
    <t>バンビ薬局　</t>
    <rPh sb="3" eb="5">
      <t>ヤッキョク</t>
    </rPh>
    <phoneticPr fontId="3"/>
  </si>
  <si>
    <t>鶴見区横堤一丁目１１－１２６</t>
    <rPh sb="0" eb="3">
      <t>ツルミク</t>
    </rPh>
    <rPh sb="3" eb="5">
      <t>ヨコヅツミ</t>
    </rPh>
    <rPh sb="5" eb="8">
      <t>１チョウメ</t>
    </rPh>
    <phoneticPr fontId="3"/>
  </si>
  <si>
    <t>大一薬局　今津店</t>
    <rPh sb="0" eb="1">
      <t>ダイ</t>
    </rPh>
    <rPh sb="1" eb="2">
      <t>イチ</t>
    </rPh>
    <rPh sb="2" eb="4">
      <t>ヤッキョク</t>
    </rPh>
    <rPh sb="5" eb="7">
      <t>イマヅ</t>
    </rPh>
    <rPh sb="7" eb="8">
      <t>ミセ</t>
    </rPh>
    <phoneticPr fontId="3"/>
  </si>
  <si>
    <t>鶴見区今津中三丁目６－２７　
シャトー三愛　１０５</t>
    <rPh sb="0" eb="3">
      <t>ツルミク</t>
    </rPh>
    <rPh sb="3" eb="4">
      <t>イマ</t>
    </rPh>
    <rPh sb="4" eb="5">
      <t>ツ</t>
    </rPh>
    <rPh sb="5" eb="6">
      <t>ナカ</t>
    </rPh>
    <rPh sb="6" eb="9">
      <t>サンチョウメ</t>
    </rPh>
    <rPh sb="19" eb="20">
      <t>サン</t>
    </rPh>
    <rPh sb="20" eb="21">
      <t>アイ</t>
    </rPh>
    <phoneticPr fontId="3"/>
  </si>
  <si>
    <t>ウエルシア薬局　鶴見茨田大宮店</t>
    <rPh sb="5" eb="7">
      <t>ヤ</t>
    </rPh>
    <rPh sb="8" eb="10">
      <t>ツルミ</t>
    </rPh>
    <rPh sb="10" eb="12">
      <t>マッタ</t>
    </rPh>
    <rPh sb="12" eb="14">
      <t>オオミヤ</t>
    </rPh>
    <rPh sb="14" eb="15">
      <t>ミセ</t>
    </rPh>
    <phoneticPr fontId="3"/>
  </si>
  <si>
    <t>鶴見区茨田大宮四丁目１８－３</t>
    <rPh sb="0" eb="3">
      <t>ツルミク</t>
    </rPh>
    <rPh sb="3" eb="4">
      <t>イバラ</t>
    </rPh>
    <rPh sb="4" eb="5">
      <t>タ</t>
    </rPh>
    <rPh sb="5" eb="7">
      <t>オオミヤ</t>
    </rPh>
    <rPh sb="7" eb="10">
      <t>ヨンチョウメ</t>
    </rPh>
    <phoneticPr fontId="3"/>
  </si>
  <si>
    <t>とわ薬局　諸口店</t>
    <rPh sb="2" eb="4">
      <t>ヤッキョク</t>
    </rPh>
    <rPh sb="5" eb="7">
      <t>モログチ</t>
    </rPh>
    <rPh sb="7" eb="8">
      <t>テン</t>
    </rPh>
    <phoneticPr fontId="3"/>
  </si>
  <si>
    <t>鶴見区諸口二丁目４－１３</t>
    <rPh sb="0" eb="3">
      <t>ツルミク</t>
    </rPh>
    <rPh sb="3" eb="4">
      <t>モロ</t>
    </rPh>
    <rPh sb="4" eb="5">
      <t>グチ</t>
    </rPh>
    <rPh sb="5" eb="8">
      <t>ニチョウメ</t>
    </rPh>
    <phoneticPr fontId="3"/>
  </si>
  <si>
    <t>9201691</t>
  </si>
  <si>
    <t>せいほ薬局</t>
    <rPh sb="3" eb="5">
      <t>ヤッキョク</t>
    </rPh>
    <phoneticPr fontId="3"/>
  </si>
  <si>
    <t>鶴見区横堤三丁目６－４０</t>
    <rPh sb="0" eb="3">
      <t>ツルミク</t>
    </rPh>
    <rPh sb="3" eb="4">
      <t>ヨコ</t>
    </rPh>
    <rPh sb="4" eb="5">
      <t>ツツミ</t>
    </rPh>
    <rPh sb="5" eb="8">
      <t>サンチョウメ</t>
    </rPh>
    <phoneticPr fontId="3"/>
  </si>
  <si>
    <t>鶴見区</t>
  </si>
  <si>
    <t>9201717</t>
  </si>
  <si>
    <t>サニー薬局</t>
    <rPh sb="3" eb="5">
      <t>ヤッキョク</t>
    </rPh>
    <phoneticPr fontId="3"/>
  </si>
  <si>
    <t>鶴見区横堤三丁目６－７</t>
    <rPh sb="0" eb="3">
      <t>ツルミク</t>
    </rPh>
    <rPh sb="3" eb="5">
      <t>ヨコヅツミ</t>
    </rPh>
    <rPh sb="5" eb="8">
      <t>サンチョウメ</t>
    </rPh>
    <phoneticPr fontId="3"/>
  </si>
  <si>
    <t>9201725</t>
  </si>
  <si>
    <t>りーふ薬局</t>
    <rPh sb="3" eb="5">
      <t>ヤッキョク</t>
    </rPh>
    <phoneticPr fontId="3"/>
  </si>
  <si>
    <t>鶴見区今津中三丁目７－１２</t>
    <rPh sb="0" eb="3">
      <t>ツルミク</t>
    </rPh>
    <rPh sb="3" eb="5">
      <t>イマヅ</t>
    </rPh>
    <rPh sb="5" eb="6">
      <t>ナカ</t>
    </rPh>
    <rPh sb="6" eb="9">
      <t>サンチョウメ</t>
    </rPh>
    <phoneticPr fontId="3"/>
  </si>
  <si>
    <t>9201733</t>
  </si>
  <si>
    <t>レインボー薬局</t>
    <rPh sb="5" eb="7">
      <t>ヤッキョク</t>
    </rPh>
    <phoneticPr fontId="3"/>
  </si>
  <si>
    <t>鶴見区鶴見三丁目６－１８</t>
    <rPh sb="0" eb="3">
      <t>ツルミク</t>
    </rPh>
    <rPh sb="3" eb="5">
      <t>ツルミ</t>
    </rPh>
    <rPh sb="5" eb="8">
      <t>サンチョウメ</t>
    </rPh>
    <phoneticPr fontId="3"/>
  </si>
  <si>
    <t>阿倍野区</t>
    <rPh sb="0" eb="4">
      <t>アベノク</t>
    </rPh>
    <phoneticPr fontId="3"/>
  </si>
  <si>
    <t>阪和薬局</t>
    <rPh sb="0" eb="2">
      <t>ハンワ</t>
    </rPh>
    <rPh sb="2" eb="4">
      <t>ヤッキョク</t>
    </rPh>
    <phoneticPr fontId="3"/>
  </si>
  <si>
    <t>阿倍野区昭和町一丁目１７－２９</t>
    <rPh sb="0" eb="4">
      <t>アベノク</t>
    </rPh>
    <rPh sb="4" eb="7">
      <t>ショウワチョウ</t>
    </rPh>
    <rPh sb="7" eb="10">
      <t>イッチョウメ</t>
    </rPh>
    <phoneticPr fontId="3"/>
  </si>
  <si>
    <t>ユタカ薬局</t>
    <rPh sb="3" eb="5">
      <t>ヤッキョク</t>
    </rPh>
    <phoneticPr fontId="3"/>
  </si>
  <si>
    <t>阿倍野区阪南町二丁目７－２８</t>
    <rPh sb="0" eb="4">
      <t>アベノク</t>
    </rPh>
    <rPh sb="4" eb="7">
      <t>ハンナンチョウ</t>
    </rPh>
    <rPh sb="7" eb="10">
      <t>ニチョウメ</t>
    </rPh>
    <phoneticPr fontId="3"/>
  </si>
  <si>
    <t>ヒロセ薬局</t>
    <rPh sb="3" eb="5">
      <t>ヤッキョク</t>
    </rPh>
    <phoneticPr fontId="3"/>
  </si>
  <si>
    <t>阿倍野区松崎町二丁目９－２５－１０２</t>
    <rPh sb="0" eb="4">
      <t>アベノク</t>
    </rPh>
    <rPh sb="4" eb="7">
      <t>マツザキチョウ</t>
    </rPh>
    <rPh sb="7" eb="10">
      <t>ニチョウメ</t>
    </rPh>
    <phoneticPr fontId="3"/>
  </si>
  <si>
    <t>ひだか薬局</t>
    <rPh sb="3" eb="5">
      <t>ヤッキョク</t>
    </rPh>
    <phoneticPr fontId="3"/>
  </si>
  <si>
    <t>阿倍野区阪南町一丁目２４－２３</t>
    <rPh sb="0" eb="4">
      <t>アベノク</t>
    </rPh>
    <rPh sb="4" eb="7">
      <t>ハンナンチョウ</t>
    </rPh>
    <rPh sb="7" eb="10">
      <t>イッチョウメ</t>
    </rPh>
    <phoneticPr fontId="3"/>
  </si>
  <si>
    <t>みとう薬局</t>
    <rPh sb="3" eb="5">
      <t>ヤッキョク</t>
    </rPh>
    <phoneticPr fontId="3"/>
  </si>
  <si>
    <t>阿倍野区昭和町二丁目６－２４－１０１</t>
    <rPh sb="0" eb="4">
      <t>アベノク</t>
    </rPh>
    <rPh sb="4" eb="7">
      <t>ショウワチョウ</t>
    </rPh>
    <rPh sb="7" eb="10">
      <t>ニチョウメ</t>
    </rPh>
    <phoneticPr fontId="3"/>
  </si>
  <si>
    <t>帝塚山薬局</t>
    <rPh sb="0" eb="3">
      <t>テヅカヤマ</t>
    </rPh>
    <rPh sb="3" eb="5">
      <t>ヤッキョク</t>
    </rPh>
    <phoneticPr fontId="3"/>
  </si>
  <si>
    <t>阿倍野区帝塚山一丁目６－２７</t>
    <rPh sb="0" eb="4">
      <t>アベノク</t>
    </rPh>
    <rPh sb="4" eb="7">
      <t>テヅカヤマ</t>
    </rPh>
    <rPh sb="7" eb="10">
      <t>イッチョウメ</t>
    </rPh>
    <phoneticPr fontId="3"/>
  </si>
  <si>
    <t>駅前薬局</t>
    <rPh sb="0" eb="2">
      <t>エキマエ</t>
    </rPh>
    <rPh sb="2" eb="4">
      <t>ヤッキョク</t>
    </rPh>
    <phoneticPr fontId="3"/>
  </si>
  <si>
    <t>阿倍野区美章園二丁目２８－８</t>
    <rPh sb="0" eb="4">
      <t>アベノク</t>
    </rPh>
    <rPh sb="4" eb="7">
      <t>ビショウエン</t>
    </rPh>
    <rPh sb="7" eb="10">
      <t>ニチョウメ</t>
    </rPh>
    <phoneticPr fontId="3"/>
  </si>
  <si>
    <t>上町薬局</t>
    <rPh sb="0" eb="1">
      <t>ウエ</t>
    </rPh>
    <rPh sb="1" eb="2">
      <t>マチ</t>
    </rPh>
    <rPh sb="2" eb="4">
      <t>ヤッキョク</t>
    </rPh>
    <phoneticPr fontId="3"/>
  </si>
  <si>
    <t>阿倍野区阿倍野元町３－２０</t>
    <rPh sb="0" eb="4">
      <t>アベノク</t>
    </rPh>
    <rPh sb="4" eb="9">
      <t>アベノモトマチ</t>
    </rPh>
    <phoneticPr fontId="3"/>
  </si>
  <si>
    <t>アベノみとう薬局</t>
    <rPh sb="6" eb="8">
      <t>ヤッキョク</t>
    </rPh>
    <phoneticPr fontId="3"/>
  </si>
  <si>
    <t>阿倍野区松崎町二丁目１－４４－１０６</t>
    <rPh sb="0" eb="4">
      <t>アベノク</t>
    </rPh>
    <rPh sb="4" eb="7">
      <t>マツザキチョウ</t>
    </rPh>
    <rPh sb="7" eb="10">
      <t>ニチョウメ</t>
    </rPh>
    <phoneticPr fontId="3"/>
  </si>
  <si>
    <t>日本調剤あべの薬局</t>
    <rPh sb="0" eb="2">
      <t>ニホン</t>
    </rPh>
    <rPh sb="2" eb="4">
      <t>チョウザイ</t>
    </rPh>
    <rPh sb="7" eb="9">
      <t>ヤッキョク</t>
    </rPh>
    <phoneticPr fontId="3"/>
  </si>
  <si>
    <t>阿倍野区旭町一丁目２－７－１０３</t>
    <rPh sb="0" eb="4">
      <t>アベノク</t>
    </rPh>
    <rPh sb="4" eb="6">
      <t>アサヒチョウ</t>
    </rPh>
    <rPh sb="6" eb="9">
      <t>イッチョウメ</t>
    </rPh>
    <phoneticPr fontId="3"/>
  </si>
  <si>
    <t>阿倍野区天王寺町北三丁目１－４</t>
    <rPh sb="0" eb="4">
      <t>アベノク</t>
    </rPh>
    <rPh sb="4" eb="8">
      <t>テンノウジチョウ</t>
    </rPh>
    <rPh sb="8" eb="9">
      <t>キタ</t>
    </rPh>
    <rPh sb="9" eb="12">
      <t>サンチョウメ</t>
    </rPh>
    <phoneticPr fontId="3"/>
  </si>
  <si>
    <t>かるがも薬局　阿倍野店</t>
    <rPh sb="4" eb="6">
      <t>ヤッキョク</t>
    </rPh>
    <rPh sb="7" eb="10">
      <t>アベノ</t>
    </rPh>
    <rPh sb="10" eb="11">
      <t>テン</t>
    </rPh>
    <phoneticPr fontId="3"/>
  </si>
  <si>
    <t>阿倍野区王子町三丁目１２－７</t>
    <rPh sb="0" eb="4">
      <t>アベノク</t>
    </rPh>
    <rPh sb="4" eb="6">
      <t>オウジ</t>
    </rPh>
    <rPh sb="6" eb="7">
      <t>マチ</t>
    </rPh>
    <rPh sb="7" eb="10">
      <t>サンチョウメ</t>
    </rPh>
    <phoneticPr fontId="3"/>
  </si>
  <si>
    <t>阪神調剤薬局　あべの店</t>
    <rPh sb="0" eb="2">
      <t>ハンシン</t>
    </rPh>
    <rPh sb="2" eb="4">
      <t>チョウザイ</t>
    </rPh>
    <rPh sb="4" eb="6">
      <t>ヤッキョク</t>
    </rPh>
    <rPh sb="10" eb="11">
      <t>テン</t>
    </rPh>
    <phoneticPr fontId="3"/>
  </si>
  <si>
    <t>阿倍野区旭町一丁目２－７</t>
    <rPh sb="0" eb="4">
      <t>アベノク</t>
    </rPh>
    <rPh sb="4" eb="6">
      <t>アサヒマチ</t>
    </rPh>
    <rPh sb="6" eb="9">
      <t>イッチョウメ</t>
    </rPh>
    <phoneticPr fontId="3"/>
  </si>
  <si>
    <t>阿倍野区阿倍野元町２－１１</t>
    <rPh sb="0" eb="4">
      <t>アベノク</t>
    </rPh>
    <rPh sb="4" eb="9">
      <t>アベノモトマチ</t>
    </rPh>
    <phoneticPr fontId="3"/>
  </si>
  <si>
    <t>はるかぜ薬局</t>
    <rPh sb="4" eb="6">
      <t>ヤッキョク</t>
    </rPh>
    <phoneticPr fontId="3"/>
  </si>
  <si>
    <t>阿倍野区天王寺町北二丁目９－８</t>
    <rPh sb="0" eb="4">
      <t>アベノク</t>
    </rPh>
    <rPh sb="4" eb="8">
      <t>テンノウジチョウ</t>
    </rPh>
    <rPh sb="8" eb="9">
      <t>キタ</t>
    </rPh>
    <rPh sb="9" eb="12">
      <t>ニチョウメ</t>
    </rPh>
    <phoneticPr fontId="3"/>
  </si>
  <si>
    <t>阿倍野カイセイ薬局</t>
    <rPh sb="0" eb="3">
      <t>アベノ</t>
    </rPh>
    <rPh sb="7" eb="9">
      <t>ヤッキョク</t>
    </rPh>
    <phoneticPr fontId="3"/>
  </si>
  <si>
    <t>阿倍野区帝塚山一丁目２３－１４</t>
    <rPh sb="0" eb="4">
      <t>アベノク</t>
    </rPh>
    <rPh sb="4" eb="7">
      <t>テヅカヤマ</t>
    </rPh>
    <rPh sb="7" eb="10">
      <t>イッチョウメ</t>
    </rPh>
    <phoneticPr fontId="3"/>
  </si>
  <si>
    <t>阿倍野さくら薬局</t>
    <rPh sb="0" eb="3">
      <t>アベノ</t>
    </rPh>
    <rPh sb="6" eb="8">
      <t>ヤッキョク</t>
    </rPh>
    <phoneticPr fontId="3"/>
  </si>
  <si>
    <t>阿倍野区阪南町三丁目３８－１３</t>
    <rPh sb="0" eb="4">
      <t>アベノク</t>
    </rPh>
    <rPh sb="4" eb="7">
      <t>ハンナンチョウ</t>
    </rPh>
    <rPh sb="7" eb="10">
      <t>サンチョウメ</t>
    </rPh>
    <phoneticPr fontId="3"/>
  </si>
  <si>
    <t>全快堂薬局</t>
    <rPh sb="0" eb="2">
      <t>ゼンカイ</t>
    </rPh>
    <rPh sb="2" eb="3">
      <t>ドウ</t>
    </rPh>
    <rPh sb="3" eb="5">
      <t>ヤッキョク</t>
    </rPh>
    <phoneticPr fontId="3"/>
  </si>
  <si>
    <t>阿倍野区王子町三丁目１－２２</t>
    <rPh sb="0" eb="4">
      <t>アベノク</t>
    </rPh>
    <rPh sb="4" eb="6">
      <t>オウジ</t>
    </rPh>
    <rPh sb="6" eb="7">
      <t>マチ</t>
    </rPh>
    <rPh sb="7" eb="10">
      <t>サンチョウメ</t>
    </rPh>
    <phoneticPr fontId="3"/>
  </si>
  <si>
    <t>阿倍野区天王寺町北三丁目４－１</t>
    <rPh sb="0" eb="4">
      <t>アベノク</t>
    </rPh>
    <rPh sb="4" eb="7">
      <t>テンノウジ</t>
    </rPh>
    <rPh sb="7" eb="8">
      <t>マチ</t>
    </rPh>
    <rPh sb="8" eb="9">
      <t>キタ</t>
    </rPh>
    <rPh sb="9" eb="12">
      <t>サンチョウメ</t>
    </rPh>
    <phoneticPr fontId="3"/>
  </si>
  <si>
    <t>セガミ薬局　あべのベルタ店</t>
    <rPh sb="3" eb="5">
      <t>ヤッキョク</t>
    </rPh>
    <rPh sb="12" eb="13">
      <t>テン</t>
    </rPh>
    <phoneticPr fontId="3"/>
  </si>
  <si>
    <t>阿倍野区阿倍野筋三丁目１０－１－１００　
あべのベルタ　地下２階</t>
    <rPh sb="0" eb="4">
      <t>アベノク</t>
    </rPh>
    <rPh sb="4" eb="8">
      <t>アベノスジ</t>
    </rPh>
    <rPh sb="8" eb="11">
      <t>サンチョウメ</t>
    </rPh>
    <rPh sb="28" eb="30">
      <t>チカ</t>
    </rPh>
    <rPh sb="31" eb="32">
      <t>カイ</t>
    </rPh>
    <phoneticPr fontId="3"/>
  </si>
  <si>
    <t>阿倍野区阪南町二丁目５－１３</t>
    <rPh sb="0" eb="4">
      <t>アベノク</t>
    </rPh>
    <rPh sb="4" eb="7">
      <t>ハンナンチョウ</t>
    </rPh>
    <rPh sb="7" eb="10">
      <t>ニチョウメ</t>
    </rPh>
    <phoneticPr fontId="3"/>
  </si>
  <si>
    <t>マルイシ薬局</t>
    <rPh sb="4" eb="6">
      <t>ヤッキョク</t>
    </rPh>
    <phoneticPr fontId="3"/>
  </si>
  <si>
    <t>阿倍野区王子町三丁目６－４</t>
    <rPh sb="0" eb="4">
      <t>アベノク</t>
    </rPh>
    <rPh sb="4" eb="7">
      <t>オウジチョウ</t>
    </rPh>
    <rPh sb="7" eb="10">
      <t>サンチョウメ</t>
    </rPh>
    <phoneticPr fontId="3"/>
  </si>
  <si>
    <t>阿倍野区阿倍野筋五丁目１１－２</t>
    <rPh sb="8" eb="11">
      <t>ゴチョウメ</t>
    </rPh>
    <phoneticPr fontId="13"/>
  </si>
  <si>
    <t>ゆかり薬局　美章園店</t>
    <rPh sb="3" eb="5">
      <t>ヤッキョク</t>
    </rPh>
    <rPh sb="6" eb="9">
      <t>ビショウエン</t>
    </rPh>
    <rPh sb="9" eb="10">
      <t>テン</t>
    </rPh>
    <phoneticPr fontId="3"/>
  </si>
  <si>
    <t>阿倍野区美章園三丁目３－４</t>
    <rPh sb="7" eb="10">
      <t>３チョウメ</t>
    </rPh>
    <phoneticPr fontId="8"/>
  </si>
  <si>
    <t>大有堂薬局</t>
    <rPh sb="0" eb="1">
      <t>オオ</t>
    </rPh>
    <rPh sb="1" eb="2">
      <t>ユウ</t>
    </rPh>
    <rPh sb="2" eb="3">
      <t>ドウ</t>
    </rPh>
    <rPh sb="3" eb="5">
      <t>ヤッキョク</t>
    </rPh>
    <phoneticPr fontId="3"/>
  </si>
  <si>
    <t>阿倍野区王子町一丁目４－１１</t>
    <rPh sb="0" eb="4">
      <t>アベノク</t>
    </rPh>
    <rPh sb="4" eb="6">
      <t>オウジ</t>
    </rPh>
    <rPh sb="6" eb="7">
      <t>チョウ</t>
    </rPh>
    <rPh sb="7" eb="10">
      <t>イッチョウメ</t>
    </rPh>
    <phoneticPr fontId="3"/>
  </si>
  <si>
    <t>コクミン薬局　大阪鉄道病院前店</t>
    <rPh sb="4" eb="6">
      <t>ヤッキョク</t>
    </rPh>
    <rPh sb="7" eb="9">
      <t>オオサカ</t>
    </rPh>
    <rPh sb="9" eb="11">
      <t>テツドウ</t>
    </rPh>
    <rPh sb="11" eb="13">
      <t>ビョウイン</t>
    </rPh>
    <rPh sb="13" eb="14">
      <t>マエ</t>
    </rPh>
    <rPh sb="14" eb="15">
      <t>テン</t>
    </rPh>
    <phoneticPr fontId="3"/>
  </si>
  <si>
    <t>阿倍野区松崎町一丁目２－３０</t>
    <rPh sb="7" eb="10">
      <t>イッチョウメ</t>
    </rPh>
    <phoneticPr fontId="9"/>
  </si>
  <si>
    <t>阿倍野区西田辺町二丁目２－１７</t>
    <rPh sb="0" eb="4">
      <t>アベノク</t>
    </rPh>
    <rPh sb="4" eb="7">
      <t>ニシタナベ</t>
    </rPh>
    <rPh sb="7" eb="8">
      <t>チョウ</t>
    </rPh>
    <rPh sb="8" eb="11">
      <t>ニチョウメ</t>
    </rPh>
    <phoneticPr fontId="3"/>
  </si>
  <si>
    <t>コーナン薬局　西田辺店</t>
    <rPh sb="4" eb="6">
      <t>ヤッキョク</t>
    </rPh>
    <rPh sb="7" eb="11">
      <t>ニシタナベテン</t>
    </rPh>
    <phoneticPr fontId="3"/>
  </si>
  <si>
    <t>阿倍野区西田辺町一丁目２１－１３</t>
    <rPh sb="0" eb="4">
      <t>アベノク</t>
    </rPh>
    <rPh sb="4" eb="7">
      <t>ニシタナベ</t>
    </rPh>
    <rPh sb="7" eb="8">
      <t>チョウ</t>
    </rPh>
    <rPh sb="8" eb="11">
      <t>イッチョウメ</t>
    </rPh>
    <phoneticPr fontId="3"/>
  </si>
  <si>
    <t>スギ薬局　林寺店</t>
    <rPh sb="2" eb="4">
      <t>ヤッキョク</t>
    </rPh>
    <rPh sb="5" eb="6">
      <t>ハヤシ</t>
    </rPh>
    <rPh sb="6" eb="7">
      <t>デラ</t>
    </rPh>
    <rPh sb="7" eb="8">
      <t>テン</t>
    </rPh>
    <phoneticPr fontId="3"/>
  </si>
  <si>
    <t>阿倍野区天王寺町北三丁目１１－４</t>
    <rPh sb="0" eb="4">
      <t>アベノク</t>
    </rPh>
    <rPh sb="4" eb="7">
      <t>テンノウジ</t>
    </rPh>
    <rPh sb="7" eb="8">
      <t>マチ</t>
    </rPh>
    <rPh sb="8" eb="9">
      <t>キタ</t>
    </rPh>
    <rPh sb="9" eb="10">
      <t>サン</t>
    </rPh>
    <rPh sb="10" eb="12">
      <t>チョウメ</t>
    </rPh>
    <phoneticPr fontId="3"/>
  </si>
  <si>
    <t>みとう薬局　西田辺店</t>
    <rPh sb="3" eb="5">
      <t>ヤッキョク</t>
    </rPh>
    <rPh sb="6" eb="9">
      <t>ニシタナベ</t>
    </rPh>
    <rPh sb="9" eb="10">
      <t>テン</t>
    </rPh>
    <phoneticPr fontId="3"/>
  </si>
  <si>
    <t>阿倍野区阪南町五丁目２４－２２
ツインハイツ栄和　１階</t>
    <rPh sb="0" eb="4">
      <t>アベノク</t>
    </rPh>
    <rPh sb="4" eb="7">
      <t>ハンナンチョウ</t>
    </rPh>
    <rPh sb="7" eb="10">
      <t>ゴチョウメ</t>
    </rPh>
    <rPh sb="22" eb="23">
      <t>エイ</t>
    </rPh>
    <rPh sb="23" eb="24">
      <t>ワ</t>
    </rPh>
    <rPh sb="26" eb="27">
      <t>カイ</t>
    </rPh>
    <phoneticPr fontId="3"/>
  </si>
  <si>
    <t>薬局ブルーム</t>
    <rPh sb="0" eb="2">
      <t>ヤッキョク</t>
    </rPh>
    <phoneticPr fontId="3"/>
  </si>
  <si>
    <t>阿倍野区阪南町三丁目１０－３　
グレースコートシーダーバレーⅡ　１Ｂ</t>
    <rPh sb="0" eb="4">
      <t>アベノク</t>
    </rPh>
    <rPh sb="4" eb="7">
      <t>ハンナンチョウ</t>
    </rPh>
    <rPh sb="7" eb="10">
      <t>サンチョウメ</t>
    </rPh>
    <phoneticPr fontId="3"/>
  </si>
  <si>
    <t>かるがも薬局　文の里店</t>
    <rPh sb="4" eb="6">
      <t>ヤッキョク</t>
    </rPh>
    <rPh sb="7" eb="8">
      <t>フミ</t>
    </rPh>
    <rPh sb="9" eb="10">
      <t>サト</t>
    </rPh>
    <rPh sb="10" eb="11">
      <t>テン</t>
    </rPh>
    <phoneticPr fontId="3"/>
  </si>
  <si>
    <t>阿倍野区昭和町一丁目３－２８</t>
    <rPh sb="0" eb="4">
      <t>アベノク</t>
    </rPh>
    <rPh sb="4" eb="7">
      <t>ショウワチョウ</t>
    </rPh>
    <rPh sb="7" eb="8">
      <t>1</t>
    </rPh>
    <rPh sb="8" eb="10">
      <t>チョウメ</t>
    </rPh>
    <phoneticPr fontId="3"/>
  </si>
  <si>
    <t>かるがも薬局　昭和町店</t>
    <rPh sb="4" eb="6">
      <t>ヤッキョク</t>
    </rPh>
    <rPh sb="7" eb="9">
      <t>ショウワ</t>
    </rPh>
    <rPh sb="9" eb="10">
      <t>マチ</t>
    </rPh>
    <rPh sb="10" eb="11">
      <t>ミセ</t>
    </rPh>
    <phoneticPr fontId="3"/>
  </si>
  <si>
    <t>阿倍野区昭和町一丁目２１－２２</t>
    <rPh sb="0" eb="4">
      <t>アベノク</t>
    </rPh>
    <rPh sb="4" eb="7">
      <t>ショウワチョウ</t>
    </rPh>
    <rPh sb="7" eb="8">
      <t>1</t>
    </rPh>
    <rPh sb="8" eb="10">
      <t>チョウメ</t>
    </rPh>
    <phoneticPr fontId="3"/>
  </si>
  <si>
    <t>阿倍野区昭和町一丁目１９－２２
昭和町ハイツ　１階</t>
    <rPh sb="0" eb="4">
      <t>アベノク</t>
    </rPh>
    <rPh sb="4" eb="7">
      <t>ショウワチョウ</t>
    </rPh>
    <rPh sb="7" eb="10">
      <t>1チョウメ</t>
    </rPh>
    <rPh sb="16" eb="19">
      <t>ショウワチョウ</t>
    </rPh>
    <rPh sb="24" eb="25">
      <t>カイ</t>
    </rPh>
    <phoneticPr fontId="3"/>
  </si>
  <si>
    <t>オレンジ薬局　阿倍野店</t>
    <rPh sb="4" eb="6">
      <t>ヤッキョク</t>
    </rPh>
    <rPh sb="7" eb="11">
      <t>アベノテン</t>
    </rPh>
    <phoneticPr fontId="3"/>
  </si>
  <si>
    <t>阿倍野区旭町一丁目１－１５　
ＫＫアドバンスビル　１階</t>
    <rPh sb="0" eb="4">
      <t>アベノク</t>
    </rPh>
    <rPh sb="4" eb="6">
      <t>アサヒマチ</t>
    </rPh>
    <rPh sb="6" eb="9">
      <t>１チョウメ</t>
    </rPh>
    <rPh sb="26" eb="27">
      <t>カイ</t>
    </rPh>
    <phoneticPr fontId="3"/>
  </si>
  <si>
    <t>阿倍野区阿倍野筋一丁目６－１－１０３</t>
    <rPh sb="0" eb="4">
      <t>アベノク</t>
    </rPh>
    <rPh sb="4" eb="8">
      <t>アベノスジ</t>
    </rPh>
    <rPh sb="8" eb="11">
      <t>イッチョウメ</t>
    </rPh>
    <phoneticPr fontId="3"/>
  </si>
  <si>
    <t>あがら薬局</t>
    <rPh sb="3" eb="5">
      <t>ヤッキョク</t>
    </rPh>
    <phoneticPr fontId="3"/>
  </si>
  <si>
    <t>阿倍野区松崎町一丁目２－８　
天王寺都ホテル　地下１階</t>
    <rPh sb="0" eb="3">
      <t>アベノ</t>
    </rPh>
    <rPh sb="3" eb="4">
      <t>ク</t>
    </rPh>
    <rPh sb="4" eb="6">
      <t>マツザキ</t>
    </rPh>
    <rPh sb="6" eb="7">
      <t>チョウ</t>
    </rPh>
    <rPh sb="7" eb="10">
      <t>イッチョウメ</t>
    </rPh>
    <rPh sb="15" eb="18">
      <t>テンノウジ</t>
    </rPh>
    <rPh sb="18" eb="19">
      <t>ミヤコ</t>
    </rPh>
    <rPh sb="23" eb="25">
      <t>チカ</t>
    </rPh>
    <rPh sb="26" eb="27">
      <t>カイ</t>
    </rPh>
    <phoneticPr fontId="3"/>
  </si>
  <si>
    <t>はるかぜ薬局　播磨町店</t>
    <rPh sb="4" eb="6">
      <t>ヤッキョク</t>
    </rPh>
    <rPh sb="7" eb="10">
      <t>ハリマチョウ</t>
    </rPh>
    <rPh sb="10" eb="11">
      <t>テン</t>
    </rPh>
    <phoneticPr fontId="3"/>
  </si>
  <si>
    <t>阿倍野区播磨町一丁目２０－１５</t>
    <rPh sb="0" eb="4">
      <t>アベノク</t>
    </rPh>
    <rPh sb="4" eb="7">
      <t>ハリマチョウ</t>
    </rPh>
    <rPh sb="7" eb="8">
      <t>イチ</t>
    </rPh>
    <rPh sb="8" eb="10">
      <t>チョウメ</t>
    </rPh>
    <phoneticPr fontId="3"/>
  </si>
  <si>
    <t>そうごう薬局　あべのベルタ店</t>
    <rPh sb="4" eb="6">
      <t>ヤッキョク</t>
    </rPh>
    <rPh sb="13" eb="14">
      <t>テン</t>
    </rPh>
    <phoneticPr fontId="3"/>
  </si>
  <si>
    <t>阿倍野区阿倍野筋三丁目１０－１－１００　
阿倍野スポーツセンター西側　１階</t>
    <rPh sb="0" eb="4">
      <t>アベノク</t>
    </rPh>
    <rPh sb="4" eb="7">
      <t>アベノ</t>
    </rPh>
    <rPh sb="7" eb="8">
      <t>スジ</t>
    </rPh>
    <rPh sb="8" eb="11">
      <t>サンチョウメ</t>
    </rPh>
    <rPh sb="21" eb="24">
      <t>アベノ</t>
    </rPh>
    <rPh sb="32" eb="34">
      <t>ニシガワ</t>
    </rPh>
    <rPh sb="36" eb="37">
      <t>カイ</t>
    </rPh>
    <phoneticPr fontId="3"/>
  </si>
  <si>
    <t>王子薬局</t>
    <rPh sb="0" eb="2">
      <t>オウジ</t>
    </rPh>
    <rPh sb="2" eb="4">
      <t>ヤッキョク</t>
    </rPh>
    <phoneticPr fontId="3"/>
  </si>
  <si>
    <t>阿倍野区王子町四丁目３－２８</t>
    <rPh sb="0" eb="4">
      <t>アベノク</t>
    </rPh>
    <rPh sb="4" eb="7">
      <t>オウジチョウ</t>
    </rPh>
    <rPh sb="7" eb="10">
      <t>ヨンチョウメ</t>
    </rPh>
    <phoneticPr fontId="3"/>
  </si>
  <si>
    <t>あべのクオレ薬局</t>
    <rPh sb="6" eb="8">
      <t>ヤッキョク</t>
    </rPh>
    <phoneticPr fontId="3"/>
  </si>
  <si>
    <t>阿倍野区阿倍野筋三丁目１２－２－１００</t>
    <rPh sb="0" eb="4">
      <t>アベノク</t>
    </rPh>
    <rPh sb="4" eb="8">
      <t>アベノスジ</t>
    </rPh>
    <rPh sb="8" eb="11">
      <t>サンチョウメ</t>
    </rPh>
    <phoneticPr fontId="3"/>
  </si>
  <si>
    <t>みとう薬局　北畠店</t>
    <rPh sb="3" eb="5">
      <t>ヤッキョク</t>
    </rPh>
    <rPh sb="6" eb="8">
      <t>キタハタ</t>
    </rPh>
    <rPh sb="8" eb="9">
      <t>テン</t>
    </rPh>
    <phoneticPr fontId="3"/>
  </si>
  <si>
    <t>阿倍野区北畠１－１０－６　
北畠川邊ビル　１階</t>
    <rPh sb="0" eb="4">
      <t>アベノク</t>
    </rPh>
    <rPh sb="4" eb="6">
      <t>キタハタ</t>
    </rPh>
    <rPh sb="14" eb="16">
      <t>キタハタ</t>
    </rPh>
    <rPh sb="16" eb="17">
      <t>カワ</t>
    </rPh>
    <rPh sb="17" eb="18">
      <t>ベ</t>
    </rPh>
    <rPh sb="22" eb="23">
      <t>カイ</t>
    </rPh>
    <phoneticPr fontId="3"/>
  </si>
  <si>
    <t>パステルファーマシー　昭和町店</t>
    <rPh sb="11" eb="15">
      <t>ショウワチョウテン</t>
    </rPh>
    <phoneticPr fontId="3"/>
  </si>
  <si>
    <t>阿倍野区昭和町三丁目１０－２４</t>
    <rPh sb="0" eb="4">
      <t>アベノク</t>
    </rPh>
    <rPh sb="4" eb="7">
      <t>ショウワチョウ</t>
    </rPh>
    <rPh sb="7" eb="8">
      <t>３</t>
    </rPh>
    <rPh sb="8" eb="10">
      <t>チョウメ</t>
    </rPh>
    <phoneticPr fontId="3"/>
  </si>
  <si>
    <t>IMCあべの薬局</t>
    <rPh sb="6" eb="8">
      <t>ヤッキョク</t>
    </rPh>
    <phoneticPr fontId="3"/>
  </si>
  <si>
    <t>阿倍野区旭町一丁目１－２７　
三洋ビル　１階</t>
    <rPh sb="0" eb="4">
      <t>アベノク</t>
    </rPh>
    <rPh sb="4" eb="6">
      <t>アサヒマチ</t>
    </rPh>
    <rPh sb="6" eb="7">
      <t>１</t>
    </rPh>
    <rPh sb="7" eb="9">
      <t>チョウメ</t>
    </rPh>
    <rPh sb="15" eb="17">
      <t>サンヨウ</t>
    </rPh>
    <rPh sb="21" eb="22">
      <t>カイ</t>
    </rPh>
    <phoneticPr fontId="3"/>
  </si>
  <si>
    <t>キヨシ薬局</t>
    <rPh sb="3" eb="5">
      <t>ヤッキョク</t>
    </rPh>
    <phoneticPr fontId="3"/>
  </si>
  <si>
    <t>阿倍野区阿倍野元町６－１</t>
    <rPh sb="0" eb="4">
      <t>アベノク</t>
    </rPh>
    <rPh sb="4" eb="9">
      <t>アベノモトマチ</t>
    </rPh>
    <phoneticPr fontId="3"/>
  </si>
  <si>
    <t>ふれあい薬局　帝塚山店</t>
    <rPh sb="4" eb="6">
      <t>ヤッキョク</t>
    </rPh>
    <rPh sb="7" eb="10">
      <t>テヅカヤマ</t>
    </rPh>
    <rPh sb="10" eb="11">
      <t>テン</t>
    </rPh>
    <phoneticPr fontId="3"/>
  </si>
  <si>
    <t>阿倍野区帝塚山一丁目１２－１４
帝塚山グリーンレジデンス　１階</t>
    <rPh sb="0" eb="4">
      <t>アベノク</t>
    </rPh>
    <rPh sb="4" eb="7">
      <t>テヅカヤマ</t>
    </rPh>
    <rPh sb="7" eb="10">
      <t>イッチョウメ</t>
    </rPh>
    <rPh sb="16" eb="19">
      <t>テヅカヤマ</t>
    </rPh>
    <rPh sb="30" eb="31">
      <t>カイ</t>
    </rPh>
    <phoneticPr fontId="3"/>
  </si>
  <si>
    <t>オレンジ薬局　アポロ店</t>
    <rPh sb="4" eb="6">
      <t>ヤッキョク</t>
    </rPh>
    <rPh sb="10" eb="11">
      <t>テン</t>
    </rPh>
    <phoneticPr fontId="3"/>
  </si>
  <si>
    <t>阿倍野区阿倍野筋一丁目５－３１　
きんえいアポロビル　１階</t>
    <rPh sb="0" eb="4">
      <t>アベノク</t>
    </rPh>
    <rPh sb="4" eb="8">
      <t>アベノスジ</t>
    </rPh>
    <rPh sb="8" eb="11">
      <t>イッチョウメ</t>
    </rPh>
    <rPh sb="28" eb="29">
      <t>カイ</t>
    </rPh>
    <phoneticPr fontId="3"/>
  </si>
  <si>
    <t>阿倍野区阿倍野筋一丁目６－１　
ヴィアあべのウォーク　１０１区画</t>
    <rPh sb="0" eb="4">
      <t>アベノク</t>
    </rPh>
    <rPh sb="4" eb="8">
      <t>アベノスジ</t>
    </rPh>
    <rPh sb="8" eb="11">
      <t>１チョウメ</t>
    </rPh>
    <rPh sb="30" eb="32">
      <t>クカク</t>
    </rPh>
    <phoneticPr fontId="3"/>
  </si>
  <si>
    <t>阿倍野区天王寺町北二丁目３１－９　
１階</t>
    <rPh sb="0" eb="4">
      <t>アベノク</t>
    </rPh>
    <rPh sb="4" eb="8">
      <t>テンノウジチョウ</t>
    </rPh>
    <rPh sb="8" eb="9">
      <t>キタ</t>
    </rPh>
    <rPh sb="9" eb="12">
      <t>ニチョウメ</t>
    </rPh>
    <rPh sb="19" eb="20">
      <t>カイ</t>
    </rPh>
    <phoneticPr fontId="3"/>
  </si>
  <si>
    <t>そうごう薬局　阿倍野店</t>
    <rPh sb="4" eb="6">
      <t>ヤッキョク</t>
    </rPh>
    <rPh sb="7" eb="10">
      <t>アベノ</t>
    </rPh>
    <rPh sb="10" eb="11">
      <t>テン</t>
    </rPh>
    <phoneticPr fontId="3"/>
  </si>
  <si>
    <t>阿倍野区阿倍野筋三丁目７－１５　
タカヨシビル　１階</t>
    <rPh sb="0" eb="4">
      <t>アベノク</t>
    </rPh>
    <rPh sb="4" eb="8">
      <t>アベノスジ</t>
    </rPh>
    <rPh sb="8" eb="11">
      <t>３チョウメ</t>
    </rPh>
    <rPh sb="24" eb="26">
      <t>イッカイ</t>
    </rPh>
    <phoneticPr fontId="3"/>
  </si>
  <si>
    <t>スギ薬局　西田辺店</t>
    <rPh sb="2" eb="4">
      <t>ヤッキョク</t>
    </rPh>
    <rPh sb="5" eb="6">
      <t>ニシ</t>
    </rPh>
    <rPh sb="6" eb="8">
      <t>タナベ</t>
    </rPh>
    <rPh sb="8" eb="9">
      <t>テン</t>
    </rPh>
    <phoneticPr fontId="3"/>
  </si>
  <si>
    <t>阿倍野区西田辺町二丁目１１－１６</t>
    <rPh sb="0" eb="4">
      <t>アベノク</t>
    </rPh>
    <rPh sb="4" eb="5">
      <t>ニシ</t>
    </rPh>
    <rPh sb="5" eb="7">
      <t>タナベ</t>
    </rPh>
    <rPh sb="7" eb="8">
      <t>チョウ</t>
    </rPh>
    <rPh sb="8" eb="11">
      <t>２チョウメ</t>
    </rPh>
    <phoneticPr fontId="3"/>
  </si>
  <si>
    <t>あけぼの薬局　昭和町店</t>
    <rPh sb="4" eb="6">
      <t>ヤッキョク</t>
    </rPh>
    <rPh sb="7" eb="10">
      <t>ショウワチョウ</t>
    </rPh>
    <rPh sb="10" eb="11">
      <t>テン</t>
    </rPh>
    <phoneticPr fontId="3"/>
  </si>
  <si>
    <t>阿倍野区松崎町二丁目８－１３</t>
    <rPh sb="0" eb="4">
      <t>アベノク</t>
    </rPh>
    <rPh sb="4" eb="6">
      <t>マツザキ</t>
    </rPh>
    <rPh sb="6" eb="7">
      <t>チョウ</t>
    </rPh>
    <rPh sb="7" eb="10">
      <t>２チョウメ</t>
    </rPh>
    <phoneticPr fontId="3"/>
  </si>
  <si>
    <t>阿倍野区阿倍野筋二丁目４－４４　
１階</t>
    <rPh sb="0" eb="4">
      <t>アベノク</t>
    </rPh>
    <rPh sb="4" eb="8">
      <t>アベノスジ</t>
    </rPh>
    <rPh sb="8" eb="11">
      <t>２チョウメ</t>
    </rPh>
    <rPh sb="18" eb="19">
      <t>カイ</t>
    </rPh>
    <phoneticPr fontId="3"/>
  </si>
  <si>
    <t>クオール薬局　天王寺店</t>
    <rPh sb="4" eb="6">
      <t>ヤッキョク</t>
    </rPh>
    <rPh sb="7" eb="10">
      <t>テンノウジ</t>
    </rPh>
    <rPh sb="10" eb="11">
      <t>テン</t>
    </rPh>
    <phoneticPr fontId="3"/>
  </si>
  <si>
    <t>阿倍野区旭町一丁目１－１０　
竹澤ビル　１階</t>
    <rPh sb="0" eb="4">
      <t>アベノク</t>
    </rPh>
    <rPh sb="4" eb="6">
      <t>アサヒマチ</t>
    </rPh>
    <rPh sb="6" eb="9">
      <t>１チョウメ</t>
    </rPh>
    <rPh sb="15" eb="17">
      <t>タケザワ</t>
    </rPh>
    <rPh sb="21" eb="22">
      <t>カイ</t>
    </rPh>
    <phoneticPr fontId="3"/>
  </si>
  <si>
    <t>らいふ薬局　あべの店</t>
    <rPh sb="3" eb="5">
      <t>ヤッキョク</t>
    </rPh>
    <rPh sb="9" eb="10">
      <t>テン</t>
    </rPh>
    <phoneticPr fontId="3"/>
  </si>
  <si>
    <t>阿倍野区松崎町四丁目５－３７－１０１　
笠井ビル</t>
    <rPh sb="0" eb="4">
      <t>アベノク</t>
    </rPh>
    <rPh sb="4" eb="6">
      <t>マツザキ</t>
    </rPh>
    <rPh sb="6" eb="7">
      <t>チョウ</t>
    </rPh>
    <rPh sb="7" eb="10">
      <t>ヨンチョウメ</t>
    </rPh>
    <rPh sb="20" eb="22">
      <t>カサイ</t>
    </rPh>
    <phoneticPr fontId="3"/>
  </si>
  <si>
    <t>スギ薬局　昭和町駅前店</t>
    <rPh sb="2" eb="4">
      <t>ヤッキョク</t>
    </rPh>
    <rPh sb="5" eb="8">
      <t>ショウワチョウ</t>
    </rPh>
    <rPh sb="8" eb="10">
      <t>エキマエ</t>
    </rPh>
    <rPh sb="10" eb="11">
      <t>テン</t>
    </rPh>
    <phoneticPr fontId="3"/>
  </si>
  <si>
    <t>阿倍野区阪南町二丁目１－１　
和光ビル　１階</t>
    <rPh sb="0" eb="4">
      <t>アベノク</t>
    </rPh>
    <rPh sb="4" eb="7">
      <t>ハンナンチョウ</t>
    </rPh>
    <rPh sb="7" eb="10">
      <t>２チョウメ</t>
    </rPh>
    <rPh sb="15" eb="17">
      <t>ワコウ</t>
    </rPh>
    <rPh sb="21" eb="22">
      <t>カイ</t>
    </rPh>
    <phoneticPr fontId="3"/>
  </si>
  <si>
    <t>阿倍野区旭町一丁目２－７　
あべのメディックス　　１１０号</t>
    <rPh sb="0" eb="4">
      <t>アベノク</t>
    </rPh>
    <rPh sb="4" eb="6">
      <t>アサヒマチ</t>
    </rPh>
    <rPh sb="6" eb="9">
      <t>１チョウメ</t>
    </rPh>
    <rPh sb="28" eb="29">
      <t>ゴウ</t>
    </rPh>
    <phoneticPr fontId="3"/>
  </si>
  <si>
    <t>みとう薬局　阪南店</t>
    <rPh sb="3" eb="5">
      <t>ヤッキョク</t>
    </rPh>
    <rPh sb="6" eb="8">
      <t>ハンナン</t>
    </rPh>
    <rPh sb="8" eb="9">
      <t>テン</t>
    </rPh>
    <phoneticPr fontId="3"/>
  </si>
  <si>
    <t>阿倍野区阪南町五丁目２１－１</t>
    <rPh sb="0" eb="4">
      <t>アベノク</t>
    </rPh>
    <rPh sb="4" eb="5">
      <t>ハン</t>
    </rPh>
    <rPh sb="5" eb="6">
      <t>ナン</t>
    </rPh>
    <rPh sb="6" eb="7">
      <t>チョウ</t>
    </rPh>
    <rPh sb="7" eb="10">
      <t>５チョウメ</t>
    </rPh>
    <phoneticPr fontId="3"/>
  </si>
  <si>
    <t>阿倍野区阪南町一丁目５０－９</t>
    <rPh sb="0" eb="4">
      <t>アベノク</t>
    </rPh>
    <rPh sb="4" eb="7">
      <t>ハンナンチョウ</t>
    </rPh>
    <rPh sb="7" eb="10">
      <t>イッチョウメ</t>
    </rPh>
    <phoneticPr fontId="3"/>
  </si>
  <si>
    <t>アイン薬局　あべのハルカス店</t>
    <rPh sb="3" eb="5">
      <t>ヤッキョク</t>
    </rPh>
    <rPh sb="13" eb="14">
      <t>テン</t>
    </rPh>
    <phoneticPr fontId="3"/>
  </si>
  <si>
    <t>阿倍野区阿倍野筋一丁目１－４３　
あべのハルカス　１７階</t>
    <rPh sb="0" eb="4">
      <t>アベノク</t>
    </rPh>
    <rPh sb="4" eb="8">
      <t>アベノスジ</t>
    </rPh>
    <rPh sb="8" eb="11">
      <t>１チョウメ</t>
    </rPh>
    <rPh sb="27" eb="28">
      <t>カイ</t>
    </rPh>
    <phoneticPr fontId="3"/>
  </si>
  <si>
    <t>キンキ薬局</t>
    <rPh sb="3" eb="5">
      <t>ヤッキョク</t>
    </rPh>
    <phoneticPr fontId="3"/>
  </si>
  <si>
    <t>阿倍野区阪南町四丁目１－１９</t>
    <rPh sb="0" eb="4">
      <t>アベノク</t>
    </rPh>
    <rPh sb="4" eb="7">
      <t>ハンナンチョウ</t>
    </rPh>
    <rPh sb="7" eb="10">
      <t>ヨンチョウメ</t>
    </rPh>
    <phoneticPr fontId="3"/>
  </si>
  <si>
    <t>2302918</t>
  </si>
  <si>
    <t>しらかば薬局</t>
    <rPh sb="4" eb="6">
      <t>ヤッキョク</t>
    </rPh>
    <phoneticPr fontId="3"/>
  </si>
  <si>
    <t>阿倍野区阪南町五丁目２３－１５　
西田辺林ビルディング　１階</t>
    <rPh sb="0" eb="4">
      <t>アベノク</t>
    </rPh>
    <rPh sb="4" eb="7">
      <t>ハンナンチョウ</t>
    </rPh>
    <rPh sb="7" eb="10">
      <t>ゴチョウメ</t>
    </rPh>
    <rPh sb="17" eb="20">
      <t>ニシタナベ</t>
    </rPh>
    <rPh sb="20" eb="21">
      <t>ハヤシ</t>
    </rPh>
    <rPh sb="29" eb="30">
      <t>カイ</t>
    </rPh>
    <phoneticPr fontId="3"/>
  </si>
  <si>
    <t>2302926</t>
  </si>
  <si>
    <t>ちーぷ阿倍野薬局</t>
    <rPh sb="3" eb="6">
      <t>アベノ</t>
    </rPh>
    <rPh sb="6" eb="8">
      <t>ヤッキョク</t>
    </rPh>
    <phoneticPr fontId="3"/>
  </si>
  <si>
    <t>阿倍野区阪南町一丁目５１－１１</t>
    <rPh sb="0" eb="4">
      <t>アベノク</t>
    </rPh>
    <rPh sb="4" eb="7">
      <t>ハンナンチョウ</t>
    </rPh>
    <rPh sb="7" eb="10">
      <t>イッチョウメ</t>
    </rPh>
    <phoneticPr fontId="3"/>
  </si>
  <si>
    <t>阿倍野区</t>
    <rPh sb="3" eb="4">
      <t>ク</t>
    </rPh>
    <phoneticPr fontId="3"/>
  </si>
  <si>
    <t>2302934</t>
  </si>
  <si>
    <t>新世薬局　阿倍野店</t>
    <rPh sb="0" eb="1">
      <t>シン</t>
    </rPh>
    <rPh sb="1" eb="2">
      <t>セ</t>
    </rPh>
    <rPh sb="2" eb="4">
      <t>ヤッキョク</t>
    </rPh>
    <rPh sb="5" eb="8">
      <t>アベノ</t>
    </rPh>
    <rPh sb="8" eb="9">
      <t>テン</t>
    </rPh>
    <phoneticPr fontId="3"/>
  </si>
  <si>
    <t>阿倍野区阿倍野筋五丁目３－２４　
１階</t>
    <rPh sb="0" eb="4">
      <t>アベノク</t>
    </rPh>
    <rPh sb="4" eb="8">
      <t>アベノスジ</t>
    </rPh>
    <rPh sb="8" eb="11">
      <t>ゴチョウメ</t>
    </rPh>
    <rPh sb="18" eb="19">
      <t>カイ</t>
    </rPh>
    <phoneticPr fontId="3"/>
  </si>
  <si>
    <t>住之江区</t>
    <rPh sb="0" eb="4">
      <t>スミノエク</t>
    </rPh>
    <phoneticPr fontId="3"/>
  </si>
  <si>
    <t>住之江区南港中二丁目２－４２－１０４</t>
    <rPh sb="0" eb="4">
      <t>スミノエク</t>
    </rPh>
    <rPh sb="4" eb="7">
      <t>ナンコウナカ</t>
    </rPh>
    <rPh sb="7" eb="10">
      <t>ニチョウメ</t>
    </rPh>
    <phoneticPr fontId="3"/>
  </si>
  <si>
    <t>住之江区南港中五丁目５－７５</t>
    <rPh sb="0" eb="4">
      <t>スミノエク</t>
    </rPh>
    <rPh sb="4" eb="7">
      <t>ナンコウナカ</t>
    </rPh>
    <rPh sb="7" eb="10">
      <t>ゴチョウメ</t>
    </rPh>
    <phoneticPr fontId="3"/>
  </si>
  <si>
    <t>エース薬局</t>
    <rPh sb="3" eb="5">
      <t>ヤッキョク</t>
    </rPh>
    <phoneticPr fontId="3"/>
  </si>
  <si>
    <t>住之江区御崎五丁目８－１２
ウララマンション</t>
    <rPh sb="0" eb="4">
      <t>スミノエク</t>
    </rPh>
    <rPh sb="4" eb="6">
      <t>ミサキ</t>
    </rPh>
    <rPh sb="6" eb="9">
      <t>ゴチョウメ</t>
    </rPh>
    <phoneticPr fontId="3"/>
  </si>
  <si>
    <t>はやし薬局</t>
    <rPh sb="3" eb="5">
      <t>ヤッキョク</t>
    </rPh>
    <phoneticPr fontId="3"/>
  </si>
  <si>
    <t>住之江区南港中四丁目２ー１２ー１０１</t>
    <rPh sb="0" eb="4">
      <t>スミノエク</t>
    </rPh>
    <rPh sb="4" eb="7">
      <t>ナンコウナカ</t>
    </rPh>
    <rPh sb="7" eb="10">
      <t>ヨンチョウメ</t>
    </rPh>
    <phoneticPr fontId="3"/>
  </si>
  <si>
    <t>日本薬局</t>
    <rPh sb="0" eb="2">
      <t>ニホン</t>
    </rPh>
    <rPh sb="2" eb="4">
      <t>ヤッキョク</t>
    </rPh>
    <phoneticPr fontId="3"/>
  </si>
  <si>
    <t>住之江区中加賀屋三丁目１０－１８</t>
    <rPh sb="0" eb="4">
      <t>スミノエク</t>
    </rPh>
    <rPh sb="4" eb="5">
      <t>ナカ</t>
    </rPh>
    <rPh sb="5" eb="8">
      <t>カガヤ</t>
    </rPh>
    <rPh sb="8" eb="11">
      <t>サンチョウメ</t>
    </rPh>
    <phoneticPr fontId="3"/>
  </si>
  <si>
    <t>順心堂南港薬局</t>
    <rPh sb="0" eb="1">
      <t>ジュン</t>
    </rPh>
    <rPh sb="1" eb="2">
      <t>シン</t>
    </rPh>
    <rPh sb="2" eb="3">
      <t>ドウ</t>
    </rPh>
    <rPh sb="3" eb="5">
      <t>ナンコウ</t>
    </rPh>
    <rPh sb="5" eb="7">
      <t>ヤッキョク</t>
    </rPh>
    <phoneticPr fontId="3"/>
  </si>
  <si>
    <t>住之江区南港中二丁目１－９９</t>
    <rPh sb="0" eb="4">
      <t>スミノエク</t>
    </rPh>
    <rPh sb="4" eb="6">
      <t>ナンコウ</t>
    </rPh>
    <rPh sb="6" eb="7">
      <t>ナカ</t>
    </rPh>
    <rPh sb="7" eb="10">
      <t>ニチョウメ</t>
    </rPh>
    <phoneticPr fontId="10"/>
  </si>
  <si>
    <t>有限会社こうよう薬局</t>
    <rPh sb="0" eb="4">
      <t>ユウゲンガイシャ</t>
    </rPh>
    <rPh sb="8" eb="10">
      <t>ヤッキョク</t>
    </rPh>
    <phoneticPr fontId="3"/>
  </si>
  <si>
    <t>住之江区中加賀屋三丁目６－１３</t>
    <rPh sb="0" eb="4">
      <t>スミノエク</t>
    </rPh>
    <rPh sb="4" eb="5">
      <t>ナカ</t>
    </rPh>
    <rPh sb="5" eb="8">
      <t>カガヤ</t>
    </rPh>
    <rPh sb="8" eb="11">
      <t>サンチョウメ</t>
    </rPh>
    <phoneticPr fontId="3"/>
  </si>
  <si>
    <t>西粉浜シルク薬局</t>
    <rPh sb="0" eb="3">
      <t>ニシコハマ</t>
    </rPh>
    <rPh sb="6" eb="8">
      <t>ヤッキョク</t>
    </rPh>
    <phoneticPr fontId="3"/>
  </si>
  <si>
    <t>住之江区粉浜西一丁目１２－３５
スーパードラッグシルク西粉浜内</t>
    <rPh sb="0" eb="4">
      <t>スミノエク</t>
    </rPh>
    <rPh sb="4" eb="7">
      <t>コハマニシ</t>
    </rPh>
    <rPh sb="7" eb="8">
      <t>イッ</t>
    </rPh>
    <rPh sb="8" eb="10">
      <t>チョウメ</t>
    </rPh>
    <rPh sb="27" eb="28">
      <t>ニシ</t>
    </rPh>
    <rPh sb="28" eb="30">
      <t>コハマ</t>
    </rPh>
    <rPh sb="30" eb="31">
      <t>ナイ</t>
    </rPh>
    <phoneticPr fontId="3"/>
  </si>
  <si>
    <t>青葉堂薬局　住之江店</t>
    <rPh sb="0" eb="2">
      <t>アオバ</t>
    </rPh>
    <rPh sb="2" eb="3">
      <t>ドウ</t>
    </rPh>
    <rPh sb="3" eb="5">
      <t>ヤッキョク</t>
    </rPh>
    <rPh sb="6" eb="9">
      <t>スミノエ</t>
    </rPh>
    <rPh sb="9" eb="10">
      <t>テン</t>
    </rPh>
    <phoneticPr fontId="3"/>
  </si>
  <si>
    <t>住之江区新北島三丁目２－２６</t>
    <rPh sb="0" eb="4">
      <t>スミノエク</t>
    </rPh>
    <rPh sb="4" eb="7">
      <t>シンキタジマ</t>
    </rPh>
    <rPh sb="7" eb="10">
      <t>サンチョウメ</t>
    </rPh>
    <phoneticPr fontId="3"/>
  </si>
  <si>
    <t>住之江区中加賀屋二丁目２－３</t>
    <rPh sb="0" eb="4">
      <t>スミノエク</t>
    </rPh>
    <rPh sb="4" eb="5">
      <t>ナカ</t>
    </rPh>
    <rPh sb="5" eb="8">
      <t>カガヤ</t>
    </rPh>
    <rPh sb="8" eb="11">
      <t>ニチョウメ</t>
    </rPh>
    <phoneticPr fontId="3"/>
  </si>
  <si>
    <t>住之江星和薬局</t>
    <rPh sb="0" eb="3">
      <t>スミノエ</t>
    </rPh>
    <rPh sb="3" eb="5">
      <t>セイワ</t>
    </rPh>
    <rPh sb="5" eb="7">
      <t>ヤッキョク</t>
    </rPh>
    <phoneticPr fontId="3"/>
  </si>
  <si>
    <t>住之江区住之江一丁目４－４０</t>
    <rPh sb="0" eb="4">
      <t>スミノエク</t>
    </rPh>
    <rPh sb="4" eb="7">
      <t>スミノエ</t>
    </rPh>
    <rPh sb="7" eb="8">
      <t>イチ</t>
    </rPh>
    <rPh sb="8" eb="10">
      <t>チョウメ</t>
    </rPh>
    <phoneticPr fontId="3"/>
  </si>
  <si>
    <t>北島薬局</t>
    <rPh sb="0" eb="2">
      <t>キタジマ</t>
    </rPh>
    <rPh sb="2" eb="4">
      <t>ヤッキョク</t>
    </rPh>
    <phoneticPr fontId="3"/>
  </si>
  <si>
    <t>住之江区北島一丁目２－１
大和川コーポ　１０３号</t>
    <rPh sb="0" eb="4">
      <t>スミノエク</t>
    </rPh>
    <rPh sb="4" eb="6">
      <t>キタジマ</t>
    </rPh>
    <rPh sb="6" eb="9">
      <t>イッチョウメ</t>
    </rPh>
    <rPh sb="13" eb="16">
      <t>ヤマトガワ</t>
    </rPh>
    <rPh sb="23" eb="24">
      <t>ゴウ</t>
    </rPh>
    <phoneticPr fontId="3"/>
  </si>
  <si>
    <t>オスカー薬局</t>
    <rPh sb="4" eb="6">
      <t>ヤッキョク</t>
    </rPh>
    <phoneticPr fontId="3"/>
  </si>
  <si>
    <t>住之江区新北島一丁目２－１　
オスカードリーム　５階</t>
    <rPh sb="0" eb="4">
      <t>スミノエク</t>
    </rPh>
    <rPh sb="4" eb="7">
      <t>シンキタジマ</t>
    </rPh>
    <rPh sb="7" eb="10">
      <t>イッチョウメ</t>
    </rPh>
    <rPh sb="25" eb="26">
      <t>カイ</t>
    </rPh>
    <phoneticPr fontId="10"/>
  </si>
  <si>
    <t>おぐら薬局　新北島店</t>
    <rPh sb="3" eb="5">
      <t>ヤッキョク</t>
    </rPh>
    <rPh sb="6" eb="7">
      <t>シン</t>
    </rPh>
    <rPh sb="7" eb="9">
      <t>キタジマ</t>
    </rPh>
    <rPh sb="9" eb="10">
      <t>ミセ</t>
    </rPh>
    <phoneticPr fontId="3"/>
  </si>
  <si>
    <t>住之江区新北島一丁目８－２０</t>
    <rPh sb="0" eb="4">
      <t>スミノエク</t>
    </rPh>
    <rPh sb="4" eb="7">
      <t>シンキタジマ</t>
    </rPh>
    <rPh sb="7" eb="10">
      <t>イッチョウメ</t>
    </rPh>
    <phoneticPr fontId="3"/>
  </si>
  <si>
    <t>御崎日本薬局</t>
    <rPh sb="0" eb="2">
      <t>ミサキ</t>
    </rPh>
    <rPh sb="2" eb="4">
      <t>ニホン</t>
    </rPh>
    <rPh sb="4" eb="6">
      <t>ヤッキョク</t>
    </rPh>
    <phoneticPr fontId="3"/>
  </si>
  <si>
    <t>住之江区御崎一丁目６－２０</t>
    <rPh sb="6" eb="9">
      <t>１チョウメ</t>
    </rPh>
    <phoneticPr fontId="8"/>
  </si>
  <si>
    <t>関西薬局</t>
    <rPh sb="0" eb="2">
      <t>カンサイ</t>
    </rPh>
    <rPh sb="2" eb="4">
      <t>ヤッキョク</t>
    </rPh>
    <phoneticPr fontId="3"/>
  </si>
  <si>
    <t>住之江区北加賀屋二丁目１１－８
北加賀屋千島ビル　１階</t>
    <rPh sb="0" eb="4">
      <t>スミノエク</t>
    </rPh>
    <rPh sb="4" eb="8">
      <t>キタカガヤ</t>
    </rPh>
    <rPh sb="8" eb="11">
      <t>ニチョウメ</t>
    </rPh>
    <rPh sb="16" eb="20">
      <t>キタカガヤ</t>
    </rPh>
    <rPh sb="20" eb="22">
      <t>チシマ</t>
    </rPh>
    <rPh sb="26" eb="27">
      <t>カイ</t>
    </rPh>
    <phoneticPr fontId="3"/>
  </si>
  <si>
    <t>住之江区新北島三丁目８－２１
アネックス六兵衛三番館　１０２号</t>
    <rPh sb="0" eb="4">
      <t>スミノエク</t>
    </rPh>
    <rPh sb="4" eb="7">
      <t>シンキタジマ</t>
    </rPh>
    <rPh sb="7" eb="10">
      <t>サンチョウメ</t>
    </rPh>
    <rPh sb="20" eb="21">
      <t>ロク</t>
    </rPh>
    <rPh sb="21" eb="22">
      <t>ヘイ</t>
    </rPh>
    <rPh sb="22" eb="23">
      <t>エ</t>
    </rPh>
    <rPh sb="23" eb="25">
      <t>サンバン</t>
    </rPh>
    <rPh sb="25" eb="26">
      <t>カン</t>
    </rPh>
    <rPh sb="30" eb="31">
      <t>ゴウ</t>
    </rPh>
    <phoneticPr fontId="3"/>
  </si>
  <si>
    <t>尾崎薬局</t>
    <rPh sb="0" eb="2">
      <t>オザキ</t>
    </rPh>
    <rPh sb="2" eb="4">
      <t>ヤッキョク</t>
    </rPh>
    <phoneticPr fontId="3"/>
  </si>
  <si>
    <t>住之江区中加賀屋三丁目３－１５</t>
    <rPh sb="0" eb="4">
      <t>スミノエク</t>
    </rPh>
    <rPh sb="4" eb="5">
      <t>ナカ</t>
    </rPh>
    <rPh sb="5" eb="8">
      <t>カガヤ</t>
    </rPh>
    <rPh sb="8" eb="11">
      <t>サンチョウメ</t>
    </rPh>
    <phoneticPr fontId="3"/>
  </si>
  <si>
    <t>コクミン薬局　ポートタウン東店</t>
    <rPh sb="4" eb="6">
      <t>ヤッキョク</t>
    </rPh>
    <rPh sb="13" eb="14">
      <t>ヒガシ</t>
    </rPh>
    <rPh sb="14" eb="15">
      <t>テン</t>
    </rPh>
    <phoneticPr fontId="3"/>
  </si>
  <si>
    <t>住之江区南港中二丁目１－１０９
ポートタウンショッピングセンター内</t>
    <rPh sb="0" eb="4">
      <t>スミノエク</t>
    </rPh>
    <rPh sb="4" eb="6">
      <t>ナンコウ</t>
    </rPh>
    <rPh sb="6" eb="7">
      <t>ナカ</t>
    </rPh>
    <rPh sb="7" eb="10">
      <t>ニチョウメ</t>
    </rPh>
    <rPh sb="32" eb="33">
      <t>ナイ</t>
    </rPh>
    <phoneticPr fontId="3"/>
  </si>
  <si>
    <t>ハリマ薬局</t>
    <rPh sb="3" eb="5">
      <t>ヤッキョク</t>
    </rPh>
    <phoneticPr fontId="3"/>
  </si>
  <si>
    <t>住之江区西加賀屋三丁目１８－６</t>
    <rPh sb="0" eb="4">
      <t>スミノエク</t>
    </rPh>
    <rPh sb="4" eb="5">
      <t>ニシ</t>
    </rPh>
    <rPh sb="5" eb="8">
      <t>カガヤ</t>
    </rPh>
    <rPh sb="8" eb="11">
      <t>サンチョウメ</t>
    </rPh>
    <phoneticPr fontId="3"/>
  </si>
  <si>
    <t>らいふ薬局　粉浜店</t>
    <rPh sb="3" eb="5">
      <t>ヤッキョク</t>
    </rPh>
    <rPh sb="6" eb="8">
      <t>コハマ</t>
    </rPh>
    <rPh sb="8" eb="9">
      <t>テン</t>
    </rPh>
    <phoneticPr fontId="3"/>
  </si>
  <si>
    <t>住之江区粉浜二丁目３－２０</t>
    <rPh sb="0" eb="4">
      <t>スミノエク</t>
    </rPh>
    <rPh sb="4" eb="6">
      <t>コハマ</t>
    </rPh>
    <rPh sb="6" eb="9">
      <t>ニチョウメ</t>
    </rPh>
    <phoneticPr fontId="3"/>
  </si>
  <si>
    <t>コスモファーマ薬局　北加賀屋店</t>
    <rPh sb="7" eb="9">
      <t>ヤッキョク</t>
    </rPh>
    <rPh sb="10" eb="14">
      <t>キタカガヤ</t>
    </rPh>
    <rPh sb="14" eb="15">
      <t>テン</t>
    </rPh>
    <phoneticPr fontId="3"/>
  </si>
  <si>
    <t>住之江区北加賀屋二丁目１２－６　
トアノビル　１階</t>
    <rPh sb="0" eb="4">
      <t>スミノエク</t>
    </rPh>
    <rPh sb="4" eb="8">
      <t>キタカガヤ</t>
    </rPh>
    <rPh sb="8" eb="11">
      <t>ニチョウメ</t>
    </rPh>
    <rPh sb="24" eb="25">
      <t>カイ</t>
    </rPh>
    <phoneticPr fontId="3"/>
  </si>
  <si>
    <t>住之江区安立一丁目６－１８　
愛和ビル　１階</t>
    <rPh sb="0" eb="4">
      <t>スミノエク</t>
    </rPh>
    <rPh sb="4" eb="6">
      <t>アンリュウ</t>
    </rPh>
    <rPh sb="6" eb="9">
      <t>イッチョウメ</t>
    </rPh>
    <rPh sb="15" eb="17">
      <t>アイワ</t>
    </rPh>
    <rPh sb="21" eb="22">
      <t>カイ</t>
    </rPh>
    <phoneticPr fontId="3"/>
  </si>
  <si>
    <t>ツルヤ薬局</t>
    <rPh sb="3" eb="5">
      <t>ヤッキョク</t>
    </rPh>
    <phoneticPr fontId="3"/>
  </si>
  <si>
    <t>住之江区安立三丁目１－１７</t>
    <rPh sb="0" eb="4">
      <t>スミノエク</t>
    </rPh>
    <rPh sb="4" eb="6">
      <t>アンリュウ</t>
    </rPh>
    <rPh sb="6" eb="9">
      <t>サンチョウメ</t>
    </rPh>
    <phoneticPr fontId="3"/>
  </si>
  <si>
    <t>スギ薬局　東加賀屋店</t>
    <rPh sb="2" eb="4">
      <t>ヤッキョク</t>
    </rPh>
    <rPh sb="5" eb="6">
      <t>ヒガシ</t>
    </rPh>
    <rPh sb="6" eb="9">
      <t>カガヤ</t>
    </rPh>
    <rPh sb="9" eb="10">
      <t>テン</t>
    </rPh>
    <phoneticPr fontId="3"/>
  </si>
  <si>
    <t>住之江区東加賀屋一丁目１－２３</t>
    <rPh sb="0" eb="4">
      <t>スミノエク</t>
    </rPh>
    <rPh sb="4" eb="5">
      <t>ヒガシ</t>
    </rPh>
    <rPh sb="5" eb="8">
      <t>カガヤ</t>
    </rPh>
    <rPh sb="8" eb="9">
      <t>イチ</t>
    </rPh>
    <rPh sb="9" eb="11">
      <t>チョウメ</t>
    </rPh>
    <phoneticPr fontId="3"/>
  </si>
  <si>
    <t>もみのき薬局</t>
    <rPh sb="4" eb="6">
      <t>ヤッキョク</t>
    </rPh>
    <phoneticPr fontId="3"/>
  </si>
  <si>
    <t>住之江区粉浜一丁目５－３４　
清和ビル　１階</t>
    <rPh sb="0" eb="4">
      <t>スミノエク</t>
    </rPh>
    <rPh sb="4" eb="6">
      <t>コハマ</t>
    </rPh>
    <rPh sb="6" eb="7">
      <t>イチ</t>
    </rPh>
    <rPh sb="7" eb="9">
      <t>チョウメ</t>
    </rPh>
    <rPh sb="15" eb="17">
      <t>セイワ</t>
    </rPh>
    <rPh sb="21" eb="22">
      <t>カイ</t>
    </rPh>
    <phoneticPr fontId="3"/>
  </si>
  <si>
    <t>大阪住吉さくら薬局</t>
    <rPh sb="0" eb="2">
      <t>オオサカ</t>
    </rPh>
    <rPh sb="2" eb="4">
      <t>スミヨシ</t>
    </rPh>
    <rPh sb="7" eb="9">
      <t>ヤッキョク</t>
    </rPh>
    <phoneticPr fontId="3"/>
  </si>
  <si>
    <t>住之江区粉浜西二丁目３－４５</t>
    <rPh sb="0" eb="4">
      <t>スミノエク</t>
    </rPh>
    <rPh sb="4" eb="7">
      <t>コハマニシ</t>
    </rPh>
    <rPh sb="7" eb="10">
      <t>ニチョウメ</t>
    </rPh>
    <phoneticPr fontId="3"/>
  </si>
  <si>
    <t>さくら薬局　大阪浜口西店</t>
    <rPh sb="3" eb="5">
      <t>ヤッキョク</t>
    </rPh>
    <rPh sb="6" eb="8">
      <t>オオサカ</t>
    </rPh>
    <rPh sb="8" eb="10">
      <t>ハマグチ</t>
    </rPh>
    <rPh sb="10" eb="11">
      <t>ニシ</t>
    </rPh>
    <rPh sb="11" eb="12">
      <t>テン</t>
    </rPh>
    <phoneticPr fontId="3"/>
  </si>
  <si>
    <t>住之江区浜口西三丁目５－２７　
グランジートアン　１階</t>
    <rPh sb="0" eb="3">
      <t>スミノエ</t>
    </rPh>
    <rPh sb="3" eb="4">
      <t>ク</t>
    </rPh>
    <rPh sb="4" eb="6">
      <t>ハマグチ</t>
    </rPh>
    <rPh sb="6" eb="7">
      <t>ニシ</t>
    </rPh>
    <rPh sb="7" eb="10">
      <t>３チョウメ</t>
    </rPh>
    <rPh sb="26" eb="27">
      <t>カイ</t>
    </rPh>
    <phoneticPr fontId="3"/>
  </si>
  <si>
    <t>東加賀屋日本薬局</t>
    <rPh sb="0" eb="1">
      <t>ヒガシ</t>
    </rPh>
    <rPh sb="1" eb="4">
      <t>カガヤ</t>
    </rPh>
    <rPh sb="4" eb="6">
      <t>ニホン</t>
    </rPh>
    <rPh sb="6" eb="8">
      <t>ヤッキョク</t>
    </rPh>
    <phoneticPr fontId="3"/>
  </si>
  <si>
    <t>住之江区東加賀屋四丁目５－２２</t>
    <rPh sb="0" eb="4">
      <t>スミノエク</t>
    </rPh>
    <rPh sb="4" eb="5">
      <t>ヒガシ</t>
    </rPh>
    <rPh sb="5" eb="8">
      <t>カガヤ</t>
    </rPh>
    <rPh sb="8" eb="9">
      <t>４</t>
    </rPh>
    <rPh sb="9" eb="11">
      <t>チョウメ</t>
    </rPh>
    <phoneticPr fontId="3"/>
  </si>
  <si>
    <t>データボックス薬局</t>
    <rPh sb="7" eb="9">
      <t>ヤッキョク</t>
    </rPh>
    <phoneticPr fontId="3"/>
  </si>
  <si>
    <t>住之江区住之江一丁目４－２４</t>
    <rPh sb="0" eb="4">
      <t>スミノエク</t>
    </rPh>
    <rPh sb="4" eb="7">
      <t>スミノエ</t>
    </rPh>
    <rPh sb="7" eb="8">
      <t>イチ</t>
    </rPh>
    <rPh sb="8" eb="10">
      <t>チョウメ</t>
    </rPh>
    <phoneticPr fontId="3"/>
  </si>
  <si>
    <t>こはま駅前薬局</t>
    <rPh sb="3" eb="5">
      <t>エキマエ</t>
    </rPh>
    <rPh sb="5" eb="7">
      <t>ヤッキョク</t>
    </rPh>
    <phoneticPr fontId="3"/>
  </si>
  <si>
    <t>住之江区粉浜２－１－３６</t>
    <rPh sb="0" eb="4">
      <t>スミノエク</t>
    </rPh>
    <rPh sb="4" eb="6">
      <t>コハマ</t>
    </rPh>
    <phoneticPr fontId="3"/>
  </si>
  <si>
    <t>みなと薬局</t>
    <rPh sb="3" eb="5">
      <t>ヤッキョク</t>
    </rPh>
    <phoneticPr fontId="3"/>
  </si>
  <si>
    <t>住之江区御崎五丁目２－４</t>
    <rPh sb="0" eb="4">
      <t>スミノエク</t>
    </rPh>
    <rPh sb="4" eb="6">
      <t>ミサキ</t>
    </rPh>
    <rPh sb="6" eb="9">
      <t>５チョウメ</t>
    </rPh>
    <phoneticPr fontId="3"/>
  </si>
  <si>
    <t>クオール薬局　住之江北島店</t>
    <rPh sb="4" eb="6">
      <t>ヤッキョク</t>
    </rPh>
    <rPh sb="7" eb="10">
      <t>スミノエ</t>
    </rPh>
    <rPh sb="10" eb="12">
      <t>キタジマ</t>
    </rPh>
    <rPh sb="12" eb="13">
      <t>テン</t>
    </rPh>
    <phoneticPr fontId="3"/>
  </si>
  <si>
    <t>住之江区北島三丁目４－１８</t>
    <rPh sb="0" eb="4">
      <t>スミノエク</t>
    </rPh>
    <rPh sb="4" eb="6">
      <t>キタジマ</t>
    </rPh>
    <rPh sb="6" eb="7">
      <t>サン</t>
    </rPh>
    <rPh sb="7" eb="9">
      <t>チョウメ</t>
    </rPh>
    <phoneticPr fontId="3"/>
  </si>
  <si>
    <t>コハマ薬局</t>
    <rPh sb="3" eb="5">
      <t>ヤッキョク</t>
    </rPh>
    <phoneticPr fontId="3"/>
  </si>
  <si>
    <t>住之江区粉浜二丁目１１－１２</t>
    <rPh sb="0" eb="4">
      <t>スミノエク</t>
    </rPh>
    <rPh sb="4" eb="6">
      <t>コハマ</t>
    </rPh>
    <rPh sb="6" eb="9">
      <t>２チョウメ</t>
    </rPh>
    <phoneticPr fontId="3"/>
  </si>
  <si>
    <t>住之江区南港中二丁目１－１０９</t>
    <rPh sb="0" eb="4">
      <t>スミノエク</t>
    </rPh>
    <rPh sb="4" eb="6">
      <t>ナンコウ</t>
    </rPh>
    <rPh sb="6" eb="7">
      <t>ナカ</t>
    </rPh>
    <rPh sb="7" eb="10">
      <t>２チョウメ</t>
    </rPh>
    <phoneticPr fontId="3"/>
  </si>
  <si>
    <t>住之江日本薬局</t>
    <rPh sb="0" eb="3">
      <t>スミノエ</t>
    </rPh>
    <rPh sb="3" eb="5">
      <t>ニホン</t>
    </rPh>
    <rPh sb="5" eb="7">
      <t>ヤッキョク</t>
    </rPh>
    <phoneticPr fontId="3"/>
  </si>
  <si>
    <t>住之江区御崎五丁目１４－１１　
クレセントマンション　１０２</t>
    <rPh sb="0" eb="4">
      <t>スミノエク</t>
    </rPh>
    <rPh sb="4" eb="6">
      <t>ミサキ</t>
    </rPh>
    <rPh sb="6" eb="9">
      <t>ゴチョウメ</t>
    </rPh>
    <phoneticPr fontId="3"/>
  </si>
  <si>
    <t>サクラ薬局</t>
    <rPh sb="3" eb="5">
      <t>ヤッキョク</t>
    </rPh>
    <phoneticPr fontId="3"/>
  </si>
  <si>
    <t>住之江区中加賀屋二丁目１－２３</t>
    <rPh sb="0" eb="4">
      <t>スミノエク</t>
    </rPh>
    <rPh sb="4" eb="5">
      <t>ナカ</t>
    </rPh>
    <rPh sb="5" eb="8">
      <t>カガヤ</t>
    </rPh>
    <rPh sb="8" eb="11">
      <t>２チョウメ</t>
    </rPh>
    <phoneticPr fontId="3"/>
  </si>
  <si>
    <t>住之江区東加賀屋二丁目１２－１７</t>
    <rPh sb="0" eb="4">
      <t>スミノエク</t>
    </rPh>
    <rPh sb="4" eb="5">
      <t>ヒガシ</t>
    </rPh>
    <rPh sb="5" eb="8">
      <t>カガヤ</t>
    </rPh>
    <rPh sb="8" eb="11">
      <t>ニチョウメ</t>
    </rPh>
    <phoneticPr fontId="3"/>
  </si>
  <si>
    <t>メロディー薬局　すみよし公園店</t>
    <rPh sb="5" eb="7">
      <t>ヤッキョク</t>
    </rPh>
    <rPh sb="12" eb="14">
      <t>コウエン</t>
    </rPh>
    <rPh sb="14" eb="15">
      <t>テン</t>
    </rPh>
    <phoneticPr fontId="3"/>
  </si>
  <si>
    <t>住之江区粉浜三丁目１４－１９－Ｂ</t>
    <rPh sb="0" eb="4">
      <t>スミノエク</t>
    </rPh>
    <rPh sb="4" eb="6">
      <t>コハマ</t>
    </rPh>
    <rPh sb="6" eb="9">
      <t>３チョウメ</t>
    </rPh>
    <phoneticPr fontId="3"/>
  </si>
  <si>
    <t>ウエルシア薬局　住之江浜口西店</t>
    <rPh sb="5" eb="7">
      <t>ヤッキョク</t>
    </rPh>
    <rPh sb="8" eb="11">
      <t>スミノエ</t>
    </rPh>
    <rPh sb="11" eb="13">
      <t>ハマグチ</t>
    </rPh>
    <rPh sb="13" eb="14">
      <t>ニシ</t>
    </rPh>
    <rPh sb="14" eb="15">
      <t>テン</t>
    </rPh>
    <phoneticPr fontId="3"/>
  </si>
  <si>
    <t>住之江区浜口西三丁目８－１８</t>
    <rPh sb="0" eb="4">
      <t>スミノエク</t>
    </rPh>
    <rPh sb="4" eb="7">
      <t>ハマグチニシ</t>
    </rPh>
    <rPh sb="7" eb="10">
      <t>3チョウメ</t>
    </rPh>
    <phoneticPr fontId="3"/>
  </si>
  <si>
    <t>ウエルシア薬局　住之江東加賀屋店</t>
    <rPh sb="5" eb="7">
      <t>ヤッキョク</t>
    </rPh>
    <rPh sb="8" eb="11">
      <t>スミノエ</t>
    </rPh>
    <rPh sb="11" eb="12">
      <t>ヒガシ</t>
    </rPh>
    <rPh sb="15" eb="16">
      <t>テン</t>
    </rPh>
    <phoneticPr fontId="3"/>
  </si>
  <si>
    <t>住之江区東加賀屋四丁目６－１９</t>
    <rPh sb="0" eb="4">
      <t>スミノエク</t>
    </rPh>
    <rPh sb="4" eb="5">
      <t>ヒガシ</t>
    </rPh>
    <rPh sb="8" eb="11">
      <t>ヨンチョウメ</t>
    </rPh>
    <phoneticPr fontId="3"/>
  </si>
  <si>
    <t>池川薬局</t>
    <rPh sb="0" eb="2">
      <t>イケガワ</t>
    </rPh>
    <rPh sb="2" eb="4">
      <t>ヤッキョク</t>
    </rPh>
    <phoneticPr fontId="3"/>
  </si>
  <si>
    <t>住之江区中加賀屋二丁目１－１４</t>
    <rPh sb="0" eb="4">
      <t>スミノエク</t>
    </rPh>
    <rPh sb="4" eb="5">
      <t>ナカ</t>
    </rPh>
    <rPh sb="5" eb="8">
      <t>カガヤ</t>
    </rPh>
    <rPh sb="8" eb="11">
      <t>２チョウメ</t>
    </rPh>
    <phoneticPr fontId="3"/>
  </si>
  <si>
    <t>さくら薬局　大阪南加賀屋店</t>
    <rPh sb="3" eb="5">
      <t>ヤッキョク</t>
    </rPh>
    <rPh sb="6" eb="8">
      <t>オオサカ</t>
    </rPh>
    <rPh sb="8" eb="12">
      <t>ミナミカガヤ</t>
    </rPh>
    <rPh sb="12" eb="13">
      <t>テン</t>
    </rPh>
    <phoneticPr fontId="3"/>
  </si>
  <si>
    <t>559-0015</t>
  </si>
  <si>
    <t>住之江区南加賀屋三丁目２－１９</t>
    <rPh sb="0" eb="4">
      <t>スミノエク</t>
    </rPh>
    <rPh sb="4" eb="5">
      <t>ミナミ</t>
    </rPh>
    <rPh sb="5" eb="8">
      <t>カガヤ</t>
    </rPh>
    <rPh sb="8" eb="11">
      <t>３チョウメ</t>
    </rPh>
    <phoneticPr fontId="3"/>
  </si>
  <si>
    <t>中央日本薬局</t>
    <rPh sb="0" eb="2">
      <t>チュウオウ</t>
    </rPh>
    <rPh sb="2" eb="4">
      <t>ニホン</t>
    </rPh>
    <rPh sb="4" eb="6">
      <t>ヤッキョク</t>
    </rPh>
    <phoneticPr fontId="3"/>
  </si>
  <si>
    <t>住之江区中加賀屋三丁目２－１　
とくやビル　１階</t>
    <rPh sb="0" eb="4">
      <t>スミノエク</t>
    </rPh>
    <rPh sb="4" eb="5">
      <t>ナカ</t>
    </rPh>
    <rPh sb="5" eb="8">
      <t>カガヤ</t>
    </rPh>
    <rPh sb="8" eb="11">
      <t>サンチョウメ</t>
    </rPh>
    <rPh sb="23" eb="24">
      <t>カイ</t>
    </rPh>
    <phoneticPr fontId="3"/>
  </si>
  <si>
    <t>かがや薬局</t>
    <rPh sb="3" eb="5">
      <t>ヤ</t>
    </rPh>
    <phoneticPr fontId="3"/>
  </si>
  <si>
    <t>住之江区西加賀屋二丁目５－２８</t>
    <rPh sb="0" eb="4">
      <t>スミノエク</t>
    </rPh>
    <rPh sb="4" eb="5">
      <t>ニシ</t>
    </rPh>
    <rPh sb="5" eb="8">
      <t>カガヤ</t>
    </rPh>
    <rPh sb="8" eb="11">
      <t>ニチョウメ</t>
    </rPh>
    <phoneticPr fontId="3"/>
  </si>
  <si>
    <t>住之江区西住之江一丁目１－３１　
ショップ南海　１階</t>
    <rPh sb="0" eb="4">
      <t>スミノエク</t>
    </rPh>
    <rPh sb="4" eb="5">
      <t>ニシ</t>
    </rPh>
    <rPh sb="5" eb="8">
      <t>スミノエ</t>
    </rPh>
    <rPh sb="8" eb="11">
      <t>イッチョウメ</t>
    </rPh>
    <rPh sb="21" eb="23">
      <t>ナンカイ</t>
    </rPh>
    <rPh sb="25" eb="26">
      <t>カイ</t>
    </rPh>
    <phoneticPr fontId="3"/>
  </si>
  <si>
    <t>住之江区浜口東三丁目５－１９　
サウザンドビル　１階</t>
    <rPh sb="0" eb="4">
      <t>スミノエク</t>
    </rPh>
    <rPh sb="4" eb="6">
      <t>ハマグチ</t>
    </rPh>
    <rPh sb="6" eb="7">
      <t>ヒガシ</t>
    </rPh>
    <rPh sb="7" eb="10">
      <t>サンチョウメ</t>
    </rPh>
    <rPh sb="25" eb="26">
      <t>カイ</t>
    </rPh>
    <phoneticPr fontId="3"/>
  </si>
  <si>
    <t>5903043</t>
  </si>
  <si>
    <t>ウエルシア薬局　住之江新北島店</t>
    <rPh sb="5" eb="7">
      <t>ヤッキョク</t>
    </rPh>
    <rPh sb="8" eb="9">
      <t>スミ</t>
    </rPh>
    <rPh sb="9" eb="10">
      <t>ノ</t>
    </rPh>
    <rPh sb="10" eb="11">
      <t>エ</t>
    </rPh>
    <rPh sb="11" eb="12">
      <t>シン</t>
    </rPh>
    <rPh sb="12" eb="14">
      <t>キタジマ</t>
    </rPh>
    <rPh sb="14" eb="15">
      <t>ミセ</t>
    </rPh>
    <phoneticPr fontId="3"/>
  </si>
  <si>
    <t>住之江区新北島三丁目６－１６</t>
    <rPh sb="0" eb="4">
      <t>スミノエク</t>
    </rPh>
    <rPh sb="4" eb="5">
      <t>シン</t>
    </rPh>
    <rPh sb="5" eb="7">
      <t>キタジマ</t>
    </rPh>
    <rPh sb="7" eb="10">
      <t>サンチョウメ</t>
    </rPh>
    <phoneticPr fontId="3"/>
  </si>
  <si>
    <t>5903050</t>
  </si>
  <si>
    <t>ハート薬局</t>
    <rPh sb="3" eb="5">
      <t>ヤッキョク</t>
    </rPh>
    <phoneticPr fontId="3"/>
  </si>
  <si>
    <t>住之江区中加賀屋三丁目３－６－１０１
ファミール中加賀屋</t>
    <rPh sb="0" eb="4">
      <t>スミノエク</t>
    </rPh>
    <rPh sb="4" eb="8">
      <t>ナカカガヤ</t>
    </rPh>
    <rPh sb="8" eb="11">
      <t>サンチョウメ</t>
    </rPh>
    <rPh sb="24" eb="28">
      <t>ナカカガヤ</t>
    </rPh>
    <phoneticPr fontId="3"/>
  </si>
  <si>
    <t>5903068</t>
  </si>
  <si>
    <t>スギ薬局　粉浜西店</t>
    <rPh sb="2" eb="4">
      <t>ヤッキョク</t>
    </rPh>
    <rPh sb="5" eb="8">
      <t>コハマニシ</t>
    </rPh>
    <rPh sb="8" eb="9">
      <t>ミセ</t>
    </rPh>
    <phoneticPr fontId="3"/>
  </si>
  <si>
    <t>住之江区粉浜西三丁目１－１２　
近商ストア住吉店　２階</t>
    <rPh sb="0" eb="4">
      <t>スミノエク</t>
    </rPh>
    <rPh sb="4" eb="7">
      <t>コハマニシ</t>
    </rPh>
    <rPh sb="7" eb="10">
      <t>サンチョウメ</t>
    </rPh>
    <rPh sb="16" eb="18">
      <t>キンショウ</t>
    </rPh>
    <rPh sb="21" eb="23">
      <t>スミヨシ</t>
    </rPh>
    <rPh sb="23" eb="24">
      <t>テン</t>
    </rPh>
    <rPh sb="26" eb="27">
      <t>カイ</t>
    </rPh>
    <phoneticPr fontId="3"/>
  </si>
  <si>
    <t>5903076</t>
  </si>
  <si>
    <t>住之江区中加賀屋一丁目１４－２２</t>
    <rPh sb="0" eb="4">
      <t>スミノエク</t>
    </rPh>
    <rPh sb="4" eb="8">
      <t>ナカカガヤ</t>
    </rPh>
    <rPh sb="8" eb="11">
      <t>イッチョウメ</t>
    </rPh>
    <phoneticPr fontId="3"/>
  </si>
  <si>
    <t>5903084</t>
  </si>
  <si>
    <t>あけぼの薬局　住之江店</t>
    <rPh sb="4" eb="6">
      <t>ヤッキョク</t>
    </rPh>
    <rPh sb="7" eb="10">
      <t>スミノエ</t>
    </rPh>
    <rPh sb="10" eb="11">
      <t>ミセ</t>
    </rPh>
    <phoneticPr fontId="3"/>
  </si>
  <si>
    <t>住之江区新北島七丁目１－４８</t>
    <rPh sb="0" eb="4">
      <t>スミノエク</t>
    </rPh>
    <rPh sb="4" eb="5">
      <t>シン</t>
    </rPh>
    <rPh sb="5" eb="7">
      <t>キタジマ</t>
    </rPh>
    <rPh sb="7" eb="10">
      <t>ナナチョウメ</t>
    </rPh>
    <phoneticPr fontId="3"/>
  </si>
  <si>
    <t>5903092</t>
  </si>
  <si>
    <t>あゆみ薬局　住之江店</t>
    <rPh sb="3" eb="5">
      <t>ヤッキョク</t>
    </rPh>
    <rPh sb="6" eb="9">
      <t>スミノエ</t>
    </rPh>
    <rPh sb="9" eb="10">
      <t>テン</t>
    </rPh>
    <phoneticPr fontId="3"/>
  </si>
  <si>
    <t>住之江区安立四丁目９－１　
１階</t>
    <rPh sb="0" eb="4">
      <t>スミノエク</t>
    </rPh>
    <rPh sb="4" eb="6">
      <t>アダチ</t>
    </rPh>
    <rPh sb="6" eb="9">
      <t>ヨンチョウメ</t>
    </rPh>
    <rPh sb="15" eb="16">
      <t>カイ</t>
    </rPh>
    <phoneticPr fontId="3"/>
  </si>
  <si>
    <t>住吉区</t>
    <rPh sb="0" eb="3">
      <t>スミヨシク</t>
    </rPh>
    <phoneticPr fontId="3"/>
  </si>
  <si>
    <t>有限会社　全快堂薬局</t>
    <rPh sb="0" eb="4">
      <t>ユウゲンガイシャ</t>
    </rPh>
    <rPh sb="5" eb="7">
      <t>ゼンカイ</t>
    </rPh>
    <rPh sb="7" eb="8">
      <t>ドウ</t>
    </rPh>
    <rPh sb="8" eb="10">
      <t>ヤッキョク</t>
    </rPh>
    <phoneticPr fontId="3"/>
  </si>
  <si>
    <t>住吉区我孫子三丁目６－２０</t>
    <rPh sb="0" eb="3">
      <t>スミヨシク</t>
    </rPh>
    <rPh sb="3" eb="6">
      <t>アビコ</t>
    </rPh>
    <rPh sb="6" eb="9">
      <t>サンチョウメ</t>
    </rPh>
    <phoneticPr fontId="3"/>
  </si>
  <si>
    <t>乾薬局</t>
    <rPh sb="0" eb="1">
      <t>イヌイ</t>
    </rPh>
    <rPh sb="1" eb="3">
      <t>ヤッキョク</t>
    </rPh>
    <phoneticPr fontId="3"/>
  </si>
  <si>
    <t>住吉区我孫子三丁目１１－２５　
新アビコビル　１階</t>
    <rPh sb="0" eb="3">
      <t>スミヨシク</t>
    </rPh>
    <rPh sb="3" eb="6">
      <t>アビコ</t>
    </rPh>
    <rPh sb="6" eb="9">
      <t>サンチョウメ</t>
    </rPh>
    <rPh sb="16" eb="17">
      <t>シン</t>
    </rPh>
    <rPh sb="24" eb="25">
      <t>カイ</t>
    </rPh>
    <phoneticPr fontId="3"/>
  </si>
  <si>
    <t>住吉区墨江四丁目１－２６</t>
    <rPh sb="0" eb="3">
      <t>スミヨシク</t>
    </rPh>
    <rPh sb="3" eb="4">
      <t>スミ</t>
    </rPh>
    <rPh sb="4" eb="5">
      <t>エ</t>
    </rPh>
    <rPh sb="5" eb="8">
      <t>ヨンチョウメ</t>
    </rPh>
    <phoneticPr fontId="3"/>
  </si>
  <si>
    <t>住吉区長居東四丁目６－８</t>
    <rPh sb="0" eb="3">
      <t>スミヨシク</t>
    </rPh>
    <rPh sb="3" eb="6">
      <t>ナガイヒガシ</t>
    </rPh>
    <rPh sb="6" eb="9">
      <t>ヨンチョウメ</t>
    </rPh>
    <phoneticPr fontId="3"/>
  </si>
  <si>
    <t>住吉区清水丘二丁目１５－２２</t>
    <rPh sb="0" eb="3">
      <t>スミヨシク</t>
    </rPh>
    <rPh sb="3" eb="5">
      <t>シミズ</t>
    </rPh>
    <rPh sb="5" eb="6">
      <t>オカ</t>
    </rPh>
    <rPh sb="6" eb="9">
      <t>ニチョウメ</t>
    </rPh>
    <phoneticPr fontId="3"/>
  </si>
  <si>
    <t>住吉区我孫子東二丁目４－２６　
アビコサンク　１階</t>
    <rPh sb="0" eb="3">
      <t>スミヨシク</t>
    </rPh>
    <rPh sb="3" eb="6">
      <t>アビコ</t>
    </rPh>
    <rPh sb="6" eb="7">
      <t>ヒガシ</t>
    </rPh>
    <rPh sb="7" eb="10">
      <t>ニチョウメ</t>
    </rPh>
    <rPh sb="24" eb="25">
      <t>カイ</t>
    </rPh>
    <phoneticPr fontId="3"/>
  </si>
  <si>
    <t>美戸薬局</t>
    <rPh sb="0" eb="1">
      <t>ミ</t>
    </rPh>
    <rPh sb="1" eb="2">
      <t>ト</t>
    </rPh>
    <rPh sb="2" eb="4">
      <t>ヤッキョク</t>
    </rPh>
    <phoneticPr fontId="3"/>
  </si>
  <si>
    <t>住吉区長居東四丁目１２－２３</t>
    <rPh sb="0" eb="3">
      <t>スミヨシク</t>
    </rPh>
    <rPh sb="3" eb="6">
      <t>ナガイヒガシ</t>
    </rPh>
    <rPh sb="6" eb="9">
      <t>ヨンチョウメ</t>
    </rPh>
    <phoneticPr fontId="3"/>
  </si>
  <si>
    <t>辻中薬局</t>
    <rPh sb="0" eb="2">
      <t>ツジナカ</t>
    </rPh>
    <rPh sb="2" eb="4">
      <t>ヤッキョク</t>
    </rPh>
    <phoneticPr fontId="3"/>
  </si>
  <si>
    <t>住吉区我孫子西二丁目１１－１９</t>
    <rPh sb="0" eb="3">
      <t>スミヨシク</t>
    </rPh>
    <rPh sb="3" eb="6">
      <t>アビコ</t>
    </rPh>
    <rPh sb="6" eb="7">
      <t>ニシ</t>
    </rPh>
    <rPh sb="7" eb="10">
      <t>ニチョウメ</t>
    </rPh>
    <phoneticPr fontId="3"/>
  </si>
  <si>
    <t>あびこ辻中薬局</t>
    <rPh sb="3" eb="5">
      <t>ツジナカ</t>
    </rPh>
    <rPh sb="5" eb="7">
      <t>ヤッキョク</t>
    </rPh>
    <phoneticPr fontId="3"/>
  </si>
  <si>
    <t>住吉区我孫子三丁目４－２</t>
    <rPh sb="0" eb="3">
      <t>スミヨシク</t>
    </rPh>
    <rPh sb="3" eb="6">
      <t>アビコ</t>
    </rPh>
    <rPh sb="6" eb="9">
      <t>サンチョウメ</t>
    </rPh>
    <phoneticPr fontId="3"/>
  </si>
  <si>
    <t>順心堂あびこ薬局</t>
    <rPh sb="0" eb="1">
      <t>ジュン</t>
    </rPh>
    <rPh sb="1" eb="2">
      <t>シン</t>
    </rPh>
    <rPh sb="2" eb="3">
      <t>ドウ</t>
    </rPh>
    <rPh sb="6" eb="8">
      <t>ヤッキョク</t>
    </rPh>
    <phoneticPr fontId="3"/>
  </si>
  <si>
    <t>住吉区我孫子東三丁目１－１</t>
    <rPh sb="0" eb="3">
      <t>スミヨシク</t>
    </rPh>
    <rPh sb="3" eb="6">
      <t>アビコ</t>
    </rPh>
    <rPh sb="6" eb="7">
      <t>ヒガシ</t>
    </rPh>
    <rPh sb="7" eb="10">
      <t>サンチョウメ</t>
    </rPh>
    <phoneticPr fontId="10"/>
  </si>
  <si>
    <t>和光堂薬局</t>
    <rPh sb="0" eb="3">
      <t>ワコウドウ</t>
    </rPh>
    <rPh sb="3" eb="5">
      <t>ヤッキョク</t>
    </rPh>
    <phoneticPr fontId="3"/>
  </si>
  <si>
    <t>住吉区長居東四丁目１０－１７</t>
    <rPh sb="0" eb="3">
      <t>スミヨシク</t>
    </rPh>
    <rPh sb="3" eb="6">
      <t>ナガイヒガシ</t>
    </rPh>
    <rPh sb="6" eb="9">
      <t>ヨンチョウメ</t>
    </rPh>
    <phoneticPr fontId="3"/>
  </si>
  <si>
    <t>アルファ辻中薬局</t>
    <rPh sb="4" eb="6">
      <t>ツジナカ</t>
    </rPh>
    <rPh sb="6" eb="8">
      <t>ヤッキョク</t>
    </rPh>
    <phoneticPr fontId="3"/>
  </si>
  <si>
    <t>住吉区南住吉四丁目５－１５</t>
    <rPh sb="0" eb="3">
      <t>スミヨシク</t>
    </rPh>
    <rPh sb="3" eb="6">
      <t>ミナミスミヨシ</t>
    </rPh>
    <rPh sb="6" eb="9">
      <t>ヨンチョウメ</t>
    </rPh>
    <phoneticPr fontId="3"/>
  </si>
  <si>
    <t>成友薬局</t>
    <rPh sb="0" eb="1">
      <t>ナ</t>
    </rPh>
    <rPh sb="1" eb="2">
      <t>トモ</t>
    </rPh>
    <rPh sb="2" eb="4">
      <t>ヤッキョク</t>
    </rPh>
    <phoneticPr fontId="3"/>
  </si>
  <si>
    <t>住吉区我孫子東三丁目３－４　
サングレースコート　１階</t>
    <rPh sb="0" eb="3">
      <t>スミヨシク</t>
    </rPh>
    <rPh sb="3" eb="6">
      <t>アビコ</t>
    </rPh>
    <rPh sb="6" eb="7">
      <t>ヒガシ</t>
    </rPh>
    <rPh sb="7" eb="10">
      <t>サンチョウメ</t>
    </rPh>
    <rPh sb="26" eb="27">
      <t>カイ</t>
    </rPh>
    <phoneticPr fontId="3"/>
  </si>
  <si>
    <t>西みとう薬局</t>
    <rPh sb="0" eb="1">
      <t>ニシ</t>
    </rPh>
    <rPh sb="4" eb="6">
      <t>ヤッキョク</t>
    </rPh>
    <phoneticPr fontId="3"/>
  </si>
  <si>
    <t>住吉区長居三丁目１２－９－１０５</t>
    <rPh sb="0" eb="3">
      <t>スミヨシク</t>
    </rPh>
    <rPh sb="3" eb="5">
      <t>ナガイ</t>
    </rPh>
    <rPh sb="5" eb="8">
      <t>サンチョウメ</t>
    </rPh>
    <phoneticPr fontId="3"/>
  </si>
  <si>
    <t>ミナミ薬局</t>
    <rPh sb="3" eb="5">
      <t>ヤッキョク</t>
    </rPh>
    <phoneticPr fontId="3"/>
  </si>
  <si>
    <t>住吉区苅田四丁目１１－１６　
プラダアムール　１階</t>
    <rPh sb="0" eb="3">
      <t>スミヨシク</t>
    </rPh>
    <rPh sb="3" eb="5">
      <t>カリタ</t>
    </rPh>
    <rPh sb="5" eb="8">
      <t>ヨンチョウメ</t>
    </rPh>
    <rPh sb="24" eb="25">
      <t>カイ</t>
    </rPh>
    <phoneticPr fontId="3"/>
  </si>
  <si>
    <t>住吉星和薬局</t>
    <rPh sb="0" eb="1">
      <t>ス</t>
    </rPh>
    <rPh sb="1" eb="2">
      <t>キチ</t>
    </rPh>
    <rPh sb="2" eb="4">
      <t>セイワ</t>
    </rPh>
    <rPh sb="4" eb="6">
      <t>ヤッキョク</t>
    </rPh>
    <phoneticPr fontId="3"/>
  </si>
  <si>
    <t>住吉区東粉浜三丁目１２－１３</t>
    <rPh sb="0" eb="3">
      <t>スミヨシク</t>
    </rPh>
    <rPh sb="3" eb="6">
      <t>ヒガシコハマ</t>
    </rPh>
    <rPh sb="6" eb="9">
      <t>サンチョウメ</t>
    </rPh>
    <phoneticPr fontId="3"/>
  </si>
  <si>
    <t>住吉区東粉浜三丁目１１－６</t>
    <rPh sb="0" eb="3">
      <t>スミヨシク</t>
    </rPh>
    <rPh sb="3" eb="6">
      <t>ヒガシコハマ</t>
    </rPh>
    <rPh sb="6" eb="7">
      <t>サン</t>
    </rPh>
    <rPh sb="7" eb="9">
      <t>チョウメ</t>
    </rPh>
    <phoneticPr fontId="3"/>
  </si>
  <si>
    <t>すばる薬局</t>
    <rPh sb="3" eb="5">
      <t>ヤッキョク</t>
    </rPh>
    <phoneticPr fontId="3"/>
  </si>
  <si>
    <t>住吉区帝塚山東三丁目９－１０</t>
    <rPh sb="0" eb="3">
      <t>スミヨシク</t>
    </rPh>
    <rPh sb="3" eb="7">
      <t>テヅカヤマヒガシ</t>
    </rPh>
    <rPh sb="7" eb="10">
      <t>サンチョウメ</t>
    </rPh>
    <phoneticPr fontId="3"/>
  </si>
  <si>
    <t>住吉区苅田七丁目１１－１０　
平元ハイツ　１階</t>
    <rPh sb="0" eb="3">
      <t>スミヨシク</t>
    </rPh>
    <rPh sb="3" eb="5">
      <t>カリタ</t>
    </rPh>
    <rPh sb="5" eb="8">
      <t>ナナチョウメ</t>
    </rPh>
    <rPh sb="15" eb="16">
      <t>ヒラ</t>
    </rPh>
    <rPh sb="16" eb="17">
      <t>ゲン</t>
    </rPh>
    <rPh sb="22" eb="23">
      <t>カイ</t>
    </rPh>
    <phoneticPr fontId="3"/>
  </si>
  <si>
    <t>住吉区山之内二丁目８－３１－１０５</t>
    <rPh sb="6" eb="9">
      <t>ニチョウメ</t>
    </rPh>
    <phoneticPr fontId="13"/>
  </si>
  <si>
    <t>あかつき薬局</t>
    <rPh sb="4" eb="6">
      <t>ヤッキョク</t>
    </rPh>
    <phoneticPr fontId="3"/>
  </si>
  <si>
    <t>住吉区遠里小野一丁目１２－３２－１０２</t>
    <rPh sb="0" eb="3">
      <t>スミヨシク</t>
    </rPh>
    <rPh sb="3" eb="4">
      <t>トオ</t>
    </rPh>
    <rPh sb="4" eb="5">
      <t>サト</t>
    </rPh>
    <rPh sb="5" eb="7">
      <t>オノ</t>
    </rPh>
    <rPh sb="7" eb="10">
      <t>イッチョウメ</t>
    </rPh>
    <phoneticPr fontId="3"/>
  </si>
  <si>
    <t>あかつき薬局　あびこ道店</t>
    <rPh sb="4" eb="6">
      <t>ヤッキョク</t>
    </rPh>
    <rPh sb="10" eb="11">
      <t>ミチ</t>
    </rPh>
    <rPh sb="11" eb="12">
      <t>テン</t>
    </rPh>
    <phoneticPr fontId="3"/>
  </si>
  <si>
    <t>住吉区遠里小野五丁目１３－１０</t>
    <rPh sb="0" eb="3">
      <t>スミヨシク</t>
    </rPh>
    <rPh sb="3" eb="4">
      <t>トオ</t>
    </rPh>
    <rPh sb="4" eb="5">
      <t>サト</t>
    </rPh>
    <rPh sb="7" eb="8">
      <t>ゴ</t>
    </rPh>
    <rPh sb="8" eb="10">
      <t>チョウメ</t>
    </rPh>
    <phoneticPr fontId="3"/>
  </si>
  <si>
    <t>つかさ薬局</t>
    <rPh sb="3" eb="5">
      <t>ヤッキョク</t>
    </rPh>
    <phoneticPr fontId="3"/>
  </si>
  <si>
    <t>住吉区長居東三丁目１３－２２</t>
    <rPh sb="0" eb="3">
      <t>スミヨシク</t>
    </rPh>
    <rPh sb="3" eb="6">
      <t>ナガイヒガシ</t>
    </rPh>
    <rPh sb="6" eb="9">
      <t>サンチョウメ</t>
    </rPh>
    <phoneticPr fontId="3"/>
  </si>
  <si>
    <t>祥漢堂万代薬局</t>
    <rPh sb="0" eb="1">
      <t>ショウ</t>
    </rPh>
    <rPh sb="1" eb="2">
      <t>カン</t>
    </rPh>
    <rPh sb="2" eb="3">
      <t>ドウ</t>
    </rPh>
    <rPh sb="3" eb="5">
      <t>マンダイ</t>
    </rPh>
    <rPh sb="5" eb="7">
      <t>ヤッキョク</t>
    </rPh>
    <phoneticPr fontId="3"/>
  </si>
  <si>
    <t>住吉区万代三丁目３－３８</t>
    <rPh sb="0" eb="3">
      <t>スミヨシク</t>
    </rPh>
    <rPh sb="3" eb="5">
      <t>マンダイ</t>
    </rPh>
    <rPh sb="5" eb="8">
      <t>サンチョウメ</t>
    </rPh>
    <phoneticPr fontId="3"/>
  </si>
  <si>
    <t>アルカ我孫子駅前薬局</t>
    <rPh sb="3" eb="6">
      <t>アビコ</t>
    </rPh>
    <rPh sb="6" eb="8">
      <t>エキマエ</t>
    </rPh>
    <rPh sb="8" eb="10">
      <t>ヤッキョク</t>
    </rPh>
    <phoneticPr fontId="3"/>
  </si>
  <si>
    <t>住吉区苅田五丁目１９－１９　
山本ビル　１階</t>
    <rPh sb="0" eb="3">
      <t>スミヨシク</t>
    </rPh>
    <rPh sb="3" eb="5">
      <t>カリタ</t>
    </rPh>
    <rPh sb="5" eb="8">
      <t>５チョウメ</t>
    </rPh>
    <rPh sb="15" eb="17">
      <t>ヤマモト</t>
    </rPh>
    <rPh sb="21" eb="22">
      <t>カイ</t>
    </rPh>
    <phoneticPr fontId="3"/>
  </si>
  <si>
    <t>いずほ薬局</t>
    <rPh sb="3" eb="5">
      <t>ヤッキョク</t>
    </rPh>
    <phoneticPr fontId="3"/>
  </si>
  <si>
    <t>住吉区我孫子西二丁目２－２６</t>
    <rPh sb="0" eb="3">
      <t>スミヨシク</t>
    </rPh>
    <rPh sb="3" eb="6">
      <t>アビコ</t>
    </rPh>
    <rPh sb="6" eb="7">
      <t>ニシ</t>
    </rPh>
    <rPh sb="7" eb="10">
      <t>ニチョウメ</t>
    </rPh>
    <phoneticPr fontId="3"/>
  </si>
  <si>
    <t>住吉区遠野小野一丁目２－１７</t>
    <rPh sb="0" eb="3">
      <t>スミヨシク</t>
    </rPh>
    <rPh sb="3" eb="4">
      <t>トオ</t>
    </rPh>
    <rPh sb="4" eb="5">
      <t>ノ</t>
    </rPh>
    <rPh sb="5" eb="7">
      <t>オノ</t>
    </rPh>
    <rPh sb="7" eb="10">
      <t>イッチョウメ</t>
    </rPh>
    <phoneticPr fontId="3"/>
  </si>
  <si>
    <t>命宝堂薬局</t>
    <rPh sb="0" eb="1">
      <t>イノチ</t>
    </rPh>
    <rPh sb="1" eb="2">
      <t>タカラ</t>
    </rPh>
    <rPh sb="2" eb="3">
      <t>ドウ</t>
    </rPh>
    <rPh sb="3" eb="5">
      <t>ヤッキョク</t>
    </rPh>
    <phoneticPr fontId="3"/>
  </si>
  <si>
    <t>住吉区万代五丁目１３－１９</t>
    <rPh sb="0" eb="3">
      <t>スミヨシク</t>
    </rPh>
    <rPh sb="3" eb="5">
      <t>マンダイ</t>
    </rPh>
    <rPh sb="5" eb="8">
      <t>ゴチョウメ</t>
    </rPh>
    <phoneticPr fontId="3"/>
  </si>
  <si>
    <t>のぞみ薬局　粉浜店</t>
    <rPh sb="3" eb="5">
      <t>ヤッキョク</t>
    </rPh>
    <rPh sb="6" eb="8">
      <t>コハマ</t>
    </rPh>
    <rPh sb="8" eb="9">
      <t>テン</t>
    </rPh>
    <phoneticPr fontId="3"/>
  </si>
  <si>
    <t>住吉区東粉浜三丁目２３－２０</t>
    <rPh sb="0" eb="3">
      <t>スミヨシク</t>
    </rPh>
    <rPh sb="3" eb="6">
      <t>ヒガシコハマ</t>
    </rPh>
    <rPh sb="6" eb="7">
      <t>サン</t>
    </rPh>
    <rPh sb="7" eb="9">
      <t>チョウメ</t>
    </rPh>
    <phoneticPr fontId="3"/>
  </si>
  <si>
    <t>コクミン薬局　万代店</t>
    <rPh sb="4" eb="6">
      <t>ヤッキョク</t>
    </rPh>
    <rPh sb="7" eb="9">
      <t>マンダイ</t>
    </rPh>
    <rPh sb="9" eb="10">
      <t>テン</t>
    </rPh>
    <phoneticPr fontId="3"/>
  </si>
  <si>
    <t>住吉区万代東二丁目４－１５</t>
    <rPh sb="0" eb="3">
      <t>スミヨシク</t>
    </rPh>
    <rPh sb="3" eb="5">
      <t>マンダイ</t>
    </rPh>
    <rPh sb="5" eb="6">
      <t>ヒガシ</t>
    </rPh>
    <rPh sb="6" eb="9">
      <t>ニチョウメ</t>
    </rPh>
    <phoneticPr fontId="3"/>
  </si>
  <si>
    <t>住吉区万代六丁目１８－３</t>
    <rPh sb="0" eb="3">
      <t>スミヨシク</t>
    </rPh>
    <rPh sb="3" eb="5">
      <t>マンダイ</t>
    </rPh>
    <rPh sb="5" eb="8">
      <t>ロクチョウメ</t>
    </rPh>
    <phoneticPr fontId="3"/>
  </si>
  <si>
    <t>のぞみ薬局　千躰店</t>
    <rPh sb="3" eb="5">
      <t>ヤッキョク</t>
    </rPh>
    <rPh sb="6" eb="8">
      <t>センタイ</t>
    </rPh>
    <rPh sb="8" eb="9">
      <t>テン</t>
    </rPh>
    <phoneticPr fontId="3"/>
  </si>
  <si>
    <t>住吉区南住吉一丁目２３－１７</t>
    <rPh sb="0" eb="3">
      <t>スミヨシク</t>
    </rPh>
    <rPh sb="3" eb="6">
      <t>ミナミスミヨシ</t>
    </rPh>
    <rPh sb="6" eb="9">
      <t>イッチョウメ</t>
    </rPh>
    <phoneticPr fontId="3"/>
  </si>
  <si>
    <t>竹内薬局　清水丘店</t>
    <rPh sb="0" eb="2">
      <t>タケウチ</t>
    </rPh>
    <rPh sb="2" eb="4">
      <t>ヤッキョク</t>
    </rPh>
    <rPh sb="5" eb="7">
      <t>シミズ</t>
    </rPh>
    <rPh sb="7" eb="8">
      <t>オカ</t>
    </rPh>
    <rPh sb="8" eb="9">
      <t>テン</t>
    </rPh>
    <phoneticPr fontId="3"/>
  </si>
  <si>
    <t>住吉区清水丘三丁目１４－７２
１階</t>
    <rPh sb="0" eb="3">
      <t>スミヨシク</t>
    </rPh>
    <rPh sb="3" eb="5">
      <t>シミズ</t>
    </rPh>
    <rPh sb="5" eb="6">
      <t>オカ</t>
    </rPh>
    <rPh sb="6" eb="7">
      <t>サン</t>
    </rPh>
    <rPh sb="7" eb="9">
      <t>チョウメ</t>
    </rPh>
    <rPh sb="16" eb="17">
      <t>カイ</t>
    </rPh>
    <phoneticPr fontId="3"/>
  </si>
  <si>
    <t>フラワー薬局　山之内店</t>
    <rPh sb="4" eb="6">
      <t>ヤッキョク</t>
    </rPh>
    <rPh sb="7" eb="10">
      <t>ヤマノウチ</t>
    </rPh>
    <rPh sb="10" eb="11">
      <t>テン</t>
    </rPh>
    <phoneticPr fontId="3"/>
  </si>
  <si>
    <t>住吉区山之内一丁目２４－７</t>
    <rPh sb="0" eb="3">
      <t>スミヨシク</t>
    </rPh>
    <rPh sb="3" eb="6">
      <t>ヤマノウチ</t>
    </rPh>
    <rPh sb="6" eb="9">
      <t>イッチョウメ</t>
    </rPh>
    <phoneticPr fontId="3"/>
  </si>
  <si>
    <t>スギ薬局　あびこ東店</t>
    <rPh sb="2" eb="4">
      <t>ヤッキョク</t>
    </rPh>
    <rPh sb="8" eb="9">
      <t>ヒガシ</t>
    </rPh>
    <rPh sb="9" eb="10">
      <t>テン</t>
    </rPh>
    <phoneticPr fontId="3"/>
  </si>
  <si>
    <t>住吉区我孫子東一丁目９－６</t>
    <rPh sb="0" eb="3">
      <t>スミヨシク</t>
    </rPh>
    <rPh sb="3" eb="6">
      <t>アビコ</t>
    </rPh>
    <rPh sb="6" eb="7">
      <t>ヒガシ</t>
    </rPh>
    <rPh sb="7" eb="8">
      <t>イチ</t>
    </rPh>
    <rPh sb="8" eb="10">
      <t>チョウメ</t>
    </rPh>
    <phoneticPr fontId="3"/>
  </si>
  <si>
    <t>らいふ薬局　住吉店</t>
    <rPh sb="3" eb="5">
      <t>ヤッキョク</t>
    </rPh>
    <rPh sb="6" eb="9">
      <t>スミヨシテン</t>
    </rPh>
    <phoneticPr fontId="3"/>
  </si>
  <si>
    <t>住吉区南住吉二丁目２３－１２</t>
    <rPh sb="0" eb="3">
      <t>スミヨシク</t>
    </rPh>
    <rPh sb="3" eb="6">
      <t>ミナミスミヨシ</t>
    </rPh>
    <rPh sb="6" eb="7">
      <t>ニ</t>
    </rPh>
    <rPh sb="7" eb="9">
      <t>チョウメ</t>
    </rPh>
    <phoneticPr fontId="3"/>
  </si>
  <si>
    <t>コクミン薬局　大阪府立病院前店</t>
    <rPh sb="4" eb="6">
      <t>ヤッキョク</t>
    </rPh>
    <rPh sb="7" eb="9">
      <t>オオサカ</t>
    </rPh>
    <rPh sb="9" eb="11">
      <t>フリツ</t>
    </rPh>
    <rPh sb="11" eb="13">
      <t>ビョウイン</t>
    </rPh>
    <rPh sb="13" eb="14">
      <t>マエ</t>
    </rPh>
    <rPh sb="14" eb="15">
      <t>ミセ</t>
    </rPh>
    <phoneticPr fontId="3"/>
  </si>
  <si>
    <t>住吉区万代四丁目１－７</t>
    <rPh sb="0" eb="3">
      <t>スミヨシク</t>
    </rPh>
    <rPh sb="3" eb="5">
      <t>マンダイ</t>
    </rPh>
    <rPh sb="5" eb="6">
      <t>4</t>
    </rPh>
    <rPh sb="6" eb="8">
      <t>チョウメ</t>
    </rPh>
    <phoneticPr fontId="3"/>
  </si>
  <si>
    <t>はな薬局　長居店</t>
    <rPh sb="2" eb="4">
      <t>ヤッキョク</t>
    </rPh>
    <rPh sb="5" eb="7">
      <t>ナガイ</t>
    </rPh>
    <rPh sb="7" eb="8">
      <t>ミセ</t>
    </rPh>
    <phoneticPr fontId="3"/>
  </si>
  <si>
    <t>住吉区長居二丁目１２－１５</t>
    <rPh sb="0" eb="3">
      <t>スミヨシク</t>
    </rPh>
    <rPh sb="3" eb="5">
      <t>ナガイ</t>
    </rPh>
    <rPh sb="5" eb="8">
      <t>ニチョウメ</t>
    </rPh>
    <phoneticPr fontId="3"/>
  </si>
  <si>
    <t>古今堂薬局</t>
    <rPh sb="0" eb="1">
      <t>コ</t>
    </rPh>
    <rPh sb="1" eb="2">
      <t>コン</t>
    </rPh>
    <rPh sb="2" eb="3">
      <t>ドウ</t>
    </rPh>
    <rPh sb="3" eb="5">
      <t>ヤッキョク</t>
    </rPh>
    <phoneticPr fontId="3"/>
  </si>
  <si>
    <t>住吉区我孫子一丁目７－７</t>
    <rPh sb="0" eb="3">
      <t>スミヨシク</t>
    </rPh>
    <rPh sb="3" eb="6">
      <t>アビコ</t>
    </rPh>
    <rPh sb="6" eb="7">
      <t>イチ</t>
    </rPh>
    <rPh sb="7" eb="9">
      <t>チョウメ</t>
    </rPh>
    <phoneticPr fontId="3"/>
  </si>
  <si>
    <t>竹内薬局　住吉店</t>
    <rPh sb="0" eb="2">
      <t>タケウチ</t>
    </rPh>
    <rPh sb="2" eb="4">
      <t>ヤッキョク</t>
    </rPh>
    <rPh sb="5" eb="8">
      <t>スミヨシテン</t>
    </rPh>
    <phoneticPr fontId="3"/>
  </si>
  <si>
    <t>住吉区南住吉三丁目３－２</t>
    <rPh sb="0" eb="3">
      <t>スミヨシク</t>
    </rPh>
    <rPh sb="3" eb="6">
      <t>ミナミスミヨシ</t>
    </rPh>
    <rPh sb="6" eb="9">
      <t>サンチョウメ</t>
    </rPh>
    <phoneticPr fontId="3"/>
  </si>
  <si>
    <t>住吉区長居三丁目４５－３</t>
    <rPh sb="0" eb="3">
      <t>スミヨシク</t>
    </rPh>
    <rPh sb="3" eb="5">
      <t>ナガイ</t>
    </rPh>
    <rPh sb="5" eb="8">
      <t>3チョウメ</t>
    </rPh>
    <phoneticPr fontId="3"/>
  </si>
  <si>
    <t>カメイ調剤薬局　あびこ店</t>
    <rPh sb="3" eb="5">
      <t>チョウザイ</t>
    </rPh>
    <rPh sb="5" eb="7">
      <t>ヤッキョク</t>
    </rPh>
    <rPh sb="11" eb="12">
      <t>テン</t>
    </rPh>
    <phoneticPr fontId="3"/>
  </si>
  <si>
    <t>住吉区我孫子東二丁目１－２１</t>
    <rPh sb="0" eb="3">
      <t>スミヨシク</t>
    </rPh>
    <rPh sb="3" eb="6">
      <t>アビコ</t>
    </rPh>
    <rPh sb="6" eb="7">
      <t>ヒガシ</t>
    </rPh>
    <rPh sb="7" eb="10">
      <t>ニチョウメ</t>
    </rPh>
    <phoneticPr fontId="3"/>
  </si>
  <si>
    <t>さとみ薬局</t>
    <rPh sb="3" eb="5">
      <t>ヤッキョク</t>
    </rPh>
    <phoneticPr fontId="3"/>
  </si>
  <si>
    <t>住吉区南住吉二丁目１－１１</t>
    <rPh sb="0" eb="3">
      <t>スミヨシク</t>
    </rPh>
    <rPh sb="3" eb="6">
      <t>ミナミスミヨシ</t>
    </rPh>
    <rPh sb="6" eb="7">
      <t>２</t>
    </rPh>
    <rPh sb="7" eb="9">
      <t>チョウメ</t>
    </rPh>
    <phoneticPr fontId="3"/>
  </si>
  <si>
    <t>みとう薬局　センター店</t>
    <rPh sb="3" eb="5">
      <t>ヤッキョク</t>
    </rPh>
    <rPh sb="10" eb="11">
      <t>ミセ</t>
    </rPh>
    <phoneticPr fontId="3"/>
  </si>
  <si>
    <t>住吉区長居四丁目11－３　
長居岡本マンション　１０３号</t>
    <rPh sb="0" eb="3">
      <t>スミヨシク</t>
    </rPh>
    <rPh sb="3" eb="5">
      <t>ナガイ</t>
    </rPh>
    <rPh sb="5" eb="6">
      <t>４</t>
    </rPh>
    <rPh sb="6" eb="8">
      <t>チョウメ</t>
    </rPh>
    <rPh sb="14" eb="16">
      <t>ナガイ</t>
    </rPh>
    <rPh sb="16" eb="18">
      <t>オカモト</t>
    </rPh>
    <rPh sb="27" eb="28">
      <t>ゴウ</t>
    </rPh>
    <phoneticPr fontId="3"/>
  </si>
  <si>
    <t>ミツワ薬局　府立病院前店</t>
    <rPh sb="3" eb="5">
      <t>ヤッキョク</t>
    </rPh>
    <rPh sb="6" eb="8">
      <t>フリツ</t>
    </rPh>
    <rPh sb="8" eb="10">
      <t>ビョウイン</t>
    </rPh>
    <rPh sb="10" eb="11">
      <t>マエ</t>
    </rPh>
    <rPh sb="11" eb="12">
      <t>テン</t>
    </rPh>
    <phoneticPr fontId="3"/>
  </si>
  <si>
    <t>住吉区万代四丁目１－１１</t>
    <rPh sb="0" eb="3">
      <t>スミヨシク</t>
    </rPh>
    <rPh sb="3" eb="5">
      <t>マンダイ</t>
    </rPh>
    <rPh sb="5" eb="8">
      <t>ヨンチョウメ</t>
    </rPh>
    <phoneticPr fontId="3"/>
  </si>
  <si>
    <t>ラッコのおくすり家さん薬局</t>
    <rPh sb="8" eb="9">
      <t>ヤ</t>
    </rPh>
    <rPh sb="11" eb="13">
      <t>ヤッキョク</t>
    </rPh>
    <phoneticPr fontId="3"/>
  </si>
  <si>
    <t>住吉区苅田三丁目６－３　
パークヒルズニシオ南　１号</t>
    <rPh sb="0" eb="3">
      <t>スミヨシク</t>
    </rPh>
    <rPh sb="3" eb="5">
      <t>カリタ</t>
    </rPh>
    <rPh sb="5" eb="8">
      <t>サンチョウメ</t>
    </rPh>
    <rPh sb="22" eb="23">
      <t>ミナミ</t>
    </rPh>
    <rPh sb="25" eb="26">
      <t>ゴウ</t>
    </rPh>
    <phoneticPr fontId="3"/>
  </si>
  <si>
    <t>住吉区</t>
  </si>
  <si>
    <t>2003300</t>
  </si>
  <si>
    <t>ドクトル薬局</t>
    <rPh sb="4" eb="6">
      <t>ヤッキョク</t>
    </rPh>
    <phoneticPr fontId="3"/>
  </si>
  <si>
    <t>住吉区苅田八丁目６－４</t>
    <rPh sb="0" eb="3">
      <t>スミヨシク</t>
    </rPh>
    <rPh sb="3" eb="5">
      <t>カリタ</t>
    </rPh>
    <rPh sb="5" eb="8">
      <t>ハッチョウメ</t>
    </rPh>
    <phoneticPr fontId="3"/>
  </si>
  <si>
    <t>アピス薬局　長居店</t>
    <rPh sb="3" eb="5">
      <t>ヤッキョク</t>
    </rPh>
    <rPh sb="6" eb="8">
      <t>ナガイ</t>
    </rPh>
    <rPh sb="8" eb="9">
      <t>テン</t>
    </rPh>
    <phoneticPr fontId="3"/>
  </si>
  <si>
    <t>住吉区長居二丁目１３－７　
Ｖａｒｉｕｓ長居公園　１階</t>
    <rPh sb="0" eb="3">
      <t>スミヨシク</t>
    </rPh>
    <rPh sb="3" eb="5">
      <t>ナガイ</t>
    </rPh>
    <rPh sb="5" eb="8">
      <t>２チョウメ</t>
    </rPh>
    <rPh sb="20" eb="22">
      <t>ナガイ</t>
    </rPh>
    <rPh sb="22" eb="24">
      <t>コウエン</t>
    </rPh>
    <rPh sb="26" eb="27">
      <t>カイ</t>
    </rPh>
    <phoneticPr fontId="3"/>
  </si>
  <si>
    <t>オレンジ薬局　府立店</t>
    <rPh sb="4" eb="6">
      <t>ヤッキョク</t>
    </rPh>
    <rPh sb="7" eb="8">
      <t>フ</t>
    </rPh>
    <rPh sb="8" eb="9">
      <t>リツ</t>
    </rPh>
    <rPh sb="9" eb="10">
      <t>テン</t>
    </rPh>
    <phoneticPr fontId="3"/>
  </si>
  <si>
    <t>住吉区万代東二丁目４－１８</t>
    <rPh sb="0" eb="3">
      <t>スミヨシク</t>
    </rPh>
    <rPh sb="3" eb="5">
      <t>バンダイ</t>
    </rPh>
    <rPh sb="5" eb="6">
      <t>ヒガシ</t>
    </rPh>
    <rPh sb="6" eb="9">
      <t>２チョウメ</t>
    </rPh>
    <phoneticPr fontId="3"/>
  </si>
  <si>
    <t>住吉区苅田三丁目９－３</t>
    <rPh sb="0" eb="3">
      <t>スミヨシク</t>
    </rPh>
    <rPh sb="3" eb="5">
      <t>カリタ</t>
    </rPh>
    <rPh sb="5" eb="8">
      <t>３チョウメ</t>
    </rPh>
    <phoneticPr fontId="3"/>
  </si>
  <si>
    <t>みとう薬局　あびこ店</t>
    <rPh sb="3" eb="5">
      <t>ヤッキョク</t>
    </rPh>
    <rPh sb="9" eb="10">
      <t>テン</t>
    </rPh>
    <phoneticPr fontId="3"/>
  </si>
  <si>
    <t>住吉区我孫子二丁目６－１９　
アビテⅠ　1階</t>
    <rPh sb="0" eb="3">
      <t>スミヨシク</t>
    </rPh>
    <rPh sb="3" eb="6">
      <t>アビコ</t>
    </rPh>
    <rPh sb="6" eb="9">
      <t>２チョウメ</t>
    </rPh>
    <rPh sb="21" eb="22">
      <t>カイ</t>
    </rPh>
    <phoneticPr fontId="3"/>
  </si>
  <si>
    <t>ななみ薬局　あびこ店</t>
    <rPh sb="3" eb="5">
      <t>ヤッキョク</t>
    </rPh>
    <rPh sb="9" eb="10">
      <t>テン</t>
    </rPh>
    <phoneticPr fontId="3"/>
  </si>
  <si>
    <t>住吉区我孫子東三丁目１－３　
サウスｉｎ　１０１号</t>
    <rPh sb="0" eb="3">
      <t>スミヨシク</t>
    </rPh>
    <rPh sb="3" eb="6">
      <t>アビコ</t>
    </rPh>
    <rPh sb="6" eb="7">
      <t>ヒガシ</t>
    </rPh>
    <rPh sb="7" eb="10">
      <t>３チョウメ</t>
    </rPh>
    <rPh sb="24" eb="25">
      <t>ゴウ</t>
    </rPh>
    <phoneticPr fontId="3"/>
  </si>
  <si>
    <t>ひまわり薬局　府立病院前店</t>
    <rPh sb="4" eb="6">
      <t>ヤッキョク</t>
    </rPh>
    <rPh sb="7" eb="9">
      <t>フリツ</t>
    </rPh>
    <rPh sb="9" eb="11">
      <t>ビョウイン</t>
    </rPh>
    <rPh sb="11" eb="12">
      <t>マエ</t>
    </rPh>
    <rPh sb="12" eb="13">
      <t>テン</t>
    </rPh>
    <phoneticPr fontId="3"/>
  </si>
  <si>
    <t>住吉区万代東二丁目４－１５</t>
    <rPh sb="0" eb="3">
      <t>スミヨシク</t>
    </rPh>
    <rPh sb="3" eb="5">
      <t>バンダイ</t>
    </rPh>
    <rPh sb="5" eb="6">
      <t>ヒガシ</t>
    </rPh>
    <rPh sb="6" eb="9">
      <t>２チョウメ</t>
    </rPh>
    <phoneticPr fontId="3"/>
  </si>
  <si>
    <t>住吉区万代三丁目１２－５　
１階</t>
    <rPh sb="0" eb="3">
      <t>スミヨシク</t>
    </rPh>
    <rPh sb="3" eb="5">
      <t>マンダイ</t>
    </rPh>
    <rPh sb="5" eb="8">
      <t>サンチョウメ</t>
    </rPh>
    <rPh sb="15" eb="16">
      <t>カイ</t>
    </rPh>
    <phoneticPr fontId="3"/>
  </si>
  <si>
    <t>くるーず薬局</t>
    <rPh sb="4" eb="6">
      <t>ヤッキョク</t>
    </rPh>
    <phoneticPr fontId="3"/>
  </si>
  <si>
    <t>住吉区長居西一丁目１４－２７
ひな菊マンション　１階</t>
    <rPh sb="0" eb="3">
      <t>スミヨシク</t>
    </rPh>
    <rPh sb="3" eb="6">
      <t>ナガイニシ</t>
    </rPh>
    <rPh sb="6" eb="9">
      <t>１チョウメ</t>
    </rPh>
    <rPh sb="17" eb="18">
      <t>キク</t>
    </rPh>
    <rPh sb="25" eb="26">
      <t>カイ</t>
    </rPh>
    <phoneticPr fontId="3"/>
  </si>
  <si>
    <t>スギ薬局　住吉苅田店</t>
    <rPh sb="2" eb="4">
      <t>ヤッキョク</t>
    </rPh>
    <rPh sb="5" eb="7">
      <t>スミヨシ</t>
    </rPh>
    <rPh sb="7" eb="9">
      <t>カリタ</t>
    </rPh>
    <rPh sb="9" eb="10">
      <t>ミセ</t>
    </rPh>
    <phoneticPr fontId="3"/>
  </si>
  <si>
    <t>住吉区苅田五丁目１３－５</t>
    <rPh sb="0" eb="3">
      <t>スミヨシク</t>
    </rPh>
    <rPh sb="3" eb="5">
      <t>カリタ</t>
    </rPh>
    <rPh sb="5" eb="8">
      <t>ゴチョウメ</t>
    </rPh>
    <phoneticPr fontId="3"/>
  </si>
  <si>
    <t>スギ薬局　南住吉店</t>
    <rPh sb="2" eb="4">
      <t>ヤッキョク</t>
    </rPh>
    <rPh sb="5" eb="6">
      <t>ミナミ</t>
    </rPh>
    <rPh sb="6" eb="8">
      <t>スミヨシ</t>
    </rPh>
    <rPh sb="8" eb="9">
      <t>ミセ</t>
    </rPh>
    <phoneticPr fontId="3"/>
  </si>
  <si>
    <t>住吉区南住吉三丁目１３－１</t>
    <rPh sb="0" eb="3">
      <t>スミヨシク</t>
    </rPh>
    <rPh sb="3" eb="6">
      <t>ミナミスミヨシ</t>
    </rPh>
    <rPh sb="6" eb="9">
      <t>サンチョウメ</t>
    </rPh>
    <phoneticPr fontId="3"/>
  </si>
  <si>
    <t>沢の町薬局</t>
    <rPh sb="0" eb="1">
      <t>サワ</t>
    </rPh>
    <rPh sb="2" eb="3">
      <t>チョウ</t>
    </rPh>
    <rPh sb="3" eb="5">
      <t>ヤッキョク</t>
    </rPh>
    <phoneticPr fontId="3"/>
  </si>
  <si>
    <t>住吉区沢之町一丁目１－１７</t>
    <rPh sb="0" eb="3">
      <t>スミヨシク</t>
    </rPh>
    <rPh sb="3" eb="6">
      <t>サワノチョウ</t>
    </rPh>
    <rPh sb="6" eb="9">
      <t>イッチョウメ</t>
    </rPh>
    <phoneticPr fontId="3"/>
  </si>
  <si>
    <t>スギ薬局　あびこ駅前店</t>
    <rPh sb="2" eb="4">
      <t>ヤッキョク</t>
    </rPh>
    <rPh sb="8" eb="10">
      <t>エキマエ</t>
    </rPh>
    <rPh sb="10" eb="11">
      <t>テン</t>
    </rPh>
    <phoneticPr fontId="3"/>
  </si>
  <si>
    <t>住吉区我孫子東三丁目１－１　
泰清ビル　１階</t>
    <rPh sb="0" eb="3">
      <t>スミヨシク</t>
    </rPh>
    <rPh sb="3" eb="6">
      <t>アビコ</t>
    </rPh>
    <rPh sb="6" eb="7">
      <t>ヒガシ</t>
    </rPh>
    <rPh sb="7" eb="10">
      <t>サンチョウメ</t>
    </rPh>
    <rPh sb="15" eb="16">
      <t>ヤス</t>
    </rPh>
    <rPh sb="16" eb="17">
      <t>キヨシ</t>
    </rPh>
    <rPh sb="21" eb="22">
      <t>カイ</t>
    </rPh>
    <phoneticPr fontId="3"/>
  </si>
  <si>
    <t>みんなの薬局　長居東店</t>
    <rPh sb="4" eb="6">
      <t>ヤッキョク</t>
    </rPh>
    <rPh sb="7" eb="10">
      <t>ナガイヒガシ</t>
    </rPh>
    <rPh sb="10" eb="11">
      <t>ミセ</t>
    </rPh>
    <phoneticPr fontId="3"/>
  </si>
  <si>
    <t>住吉区長居東四丁目２１－９　
六島ビル　１階</t>
    <rPh sb="0" eb="3">
      <t>スミヨシク</t>
    </rPh>
    <rPh sb="3" eb="6">
      <t>ナガイヒガシ</t>
    </rPh>
    <rPh sb="6" eb="9">
      <t>ヨンチョウメ</t>
    </rPh>
    <rPh sb="15" eb="16">
      <t>ロク</t>
    </rPh>
    <rPh sb="16" eb="17">
      <t>シマ</t>
    </rPh>
    <rPh sb="21" eb="22">
      <t>カイ</t>
    </rPh>
    <phoneticPr fontId="3"/>
  </si>
  <si>
    <t>ウエルシア薬局　住吉南住吉店</t>
    <rPh sb="5" eb="7">
      <t>ヤッキョク</t>
    </rPh>
    <rPh sb="8" eb="10">
      <t>スミヨシ</t>
    </rPh>
    <rPh sb="10" eb="13">
      <t>ミナミスミヨシ</t>
    </rPh>
    <rPh sb="13" eb="14">
      <t>テン</t>
    </rPh>
    <phoneticPr fontId="3"/>
  </si>
  <si>
    <t>住吉区南住吉一丁目１９－２０</t>
    <rPh sb="0" eb="3">
      <t>スミヨシク</t>
    </rPh>
    <rPh sb="3" eb="6">
      <t>ミナミスミヨシ</t>
    </rPh>
    <rPh sb="6" eb="9">
      <t>イッチョウメ</t>
    </rPh>
    <phoneticPr fontId="3"/>
  </si>
  <si>
    <t>スギ薬局　長居店</t>
    <rPh sb="2" eb="4">
      <t>ヤッキョク</t>
    </rPh>
    <rPh sb="5" eb="7">
      <t>ナガイ</t>
    </rPh>
    <rPh sb="7" eb="8">
      <t>テン</t>
    </rPh>
    <phoneticPr fontId="3"/>
  </si>
  <si>
    <t>住吉区長居二丁目１０－３１
(株)山弘ビル　１階</t>
    <rPh sb="0" eb="3">
      <t>スミヨシク</t>
    </rPh>
    <rPh sb="3" eb="5">
      <t>ナガイ</t>
    </rPh>
    <rPh sb="5" eb="8">
      <t>ニチョウメ</t>
    </rPh>
    <rPh sb="15" eb="16">
      <t>カブ</t>
    </rPh>
    <rPh sb="17" eb="18">
      <t>ヤマ</t>
    </rPh>
    <rPh sb="18" eb="19">
      <t>ヒロ</t>
    </rPh>
    <rPh sb="23" eb="24">
      <t>カイ</t>
    </rPh>
    <phoneticPr fontId="3"/>
  </si>
  <si>
    <t>万代薬局</t>
    <rPh sb="0" eb="2">
      <t>マンダイ</t>
    </rPh>
    <rPh sb="2" eb="4">
      <t>ヤッキョク</t>
    </rPh>
    <phoneticPr fontId="3"/>
  </si>
  <si>
    <t>住吉区長居二丁目４－３</t>
    <rPh sb="0" eb="3">
      <t>スミヨシク</t>
    </rPh>
    <rPh sb="3" eb="5">
      <t>ナガイ</t>
    </rPh>
    <rPh sb="5" eb="8">
      <t>ニチョウメ</t>
    </rPh>
    <phoneticPr fontId="3"/>
  </si>
  <si>
    <t>なつめ薬局</t>
    <rPh sb="3" eb="5">
      <t>ヤッキョク</t>
    </rPh>
    <phoneticPr fontId="3"/>
  </si>
  <si>
    <t>住吉区沢之町一丁目３－１５</t>
    <rPh sb="0" eb="3">
      <t>スミヨシク</t>
    </rPh>
    <rPh sb="3" eb="6">
      <t>サワノチョウ</t>
    </rPh>
    <rPh sb="6" eb="9">
      <t>イッチョウメ</t>
    </rPh>
    <phoneticPr fontId="3"/>
  </si>
  <si>
    <t>南海住吉薬局</t>
    <rPh sb="0" eb="2">
      <t>ナンカイ</t>
    </rPh>
    <rPh sb="2" eb="4">
      <t>スミヨシ</t>
    </rPh>
    <rPh sb="4" eb="6">
      <t>ヤッキョク</t>
    </rPh>
    <phoneticPr fontId="3"/>
  </si>
  <si>
    <t>住吉区東粉浜三丁目２７－１８</t>
    <rPh sb="0" eb="3">
      <t>スミヨシク</t>
    </rPh>
    <rPh sb="3" eb="6">
      <t>ヒガシコハマ</t>
    </rPh>
    <rPh sb="6" eb="9">
      <t>サンチョウメ</t>
    </rPh>
    <phoneticPr fontId="3"/>
  </si>
  <si>
    <t>苅田薬局</t>
    <rPh sb="0" eb="2">
      <t>カリタ</t>
    </rPh>
    <rPh sb="2" eb="4">
      <t>ヤッキョク</t>
    </rPh>
    <phoneticPr fontId="3"/>
  </si>
  <si>
    <t>住吉区苅田五丁目１６－３　
ハイムエンジェル　１階</t>
    <rPh sb="0" eb="3">
      <t>スミヨシク</t>
    </rPh>
    <rPh sb="3" eb="5">
      <t>カリタ</t>
    </rPh>
    <rPh sb="5" eb="8">
      <t>ゴチョウメ</t>
    </rPh>
    <rPh sb="24" eb="25">
      <t>カイ</t>
    </rPh>
    <phoneticPr fontId="3"/>
  </si>
  <si>
    <t>しろくま薬局</t>
    <rPh sb="4" eb="6">
      <t>ヤッキョク</t>
    </rPh>
    <phoneticPr fontId="3"/>
  </si>
  <si>
    <t>住吉区苅田三丁目１７－１８－１０１　
コーポ安田</t>
    <rPh sb="0" eb="3">
      <t>スミヨシク</t>
    </rPh>
    <rPh sb="3" eb="5">
      <t>カリタ</t>
    </rPh>
    <rPh sb="5" eb="8">
      <t>サンチョウメ</t>
    </rPh>
    <rPh sb="22" eb="24">
      <t>ヤスダ</t>
    </rPh>
    <phoneticPr fontId="3"/>
  </si>
  <si>
    <t>シルク薬局</t>
    <rPh sb="3" eb="5">
      <t>ヤッキョク</t>
    </rPh>
    <phoneticPr fontId="3"/>
  </si>
  <si>
    <t>住吉区清水丘一丁目４－１７</t>
    <rPh sb="0" eb="3">
      <t>スミヨシク</t>
    </rPh>
    <rPh sb="3" eb="5">
      <t>シミズ</t>
    </rPh>
    <rPh sb="5" eb="6">
      <t>オカ</t>
    </rPh>
    <rPh sb="6" eb="9">
      <t>イッチョウメ</t>
    </rPh>
    <phoneticPr fontId="3"/>
  </si>
  <si>
    <t>2003581</t>
  </si>
  <si>
    <t>くるーず薬局　万代店</t>
    <rPh sb="4" eb="6">
      <t>ヤッキョク</t>
    </rPh>
    <rPh sb="7" eb="9">
      <t>バンダイ</t>
    </rPh>
    <rPh sb="9" eb="10">
      <t>ミセ</t>
    </rPh>
    <phoneticPr fontId="3"/>
  </si>
  <si>
    <t>住吉区万代五丁目１４－１
スペースサプライ２０１ビル　１階</t>
    <rPh sb="0" eb="3">
      <t>スミヨシク</t>
    </rPh>
    <rPh sb="3" eb="5">
      <t>バンダイ</t>
    </rPh>
    <rPh sb="5" eb="8">
      <t>ゴチョウメ</t>
    </rPh>
    <rPh sb="28" eb="29">
      <t>カイ</t>
    </rPh>
    <phoneticPr fontId="3"/>
  </si>
  <si>
    <t>2003599</t>
  </si>
  <si>
    <t>いろどり薬局</t>
    <rPh sb="4" eb="6">
      <t>ヤッキョク</t>
    </rPh>
    <phoneticPr fontId="3"/>
  </si>
  <si>
    <t>住吉区長居東四丁目１１－２５　
タケ＆ハルビル第一　７階</t>
    <rPh sb="0" eb="3">
      <t>スミヨシク</t>
    </rPh>
    <rPh sb="3" eb="6">
      <t>ナガイヒガシ</t>
    </rPh>
    <rPh sb="6" eb="9">
      <t>ヨンチョウメ</t>
    </rPh>
    <rPh sb="23" eb="25">
      <t>ダイイチ</t>
    </rPh>
    <rPh sb="27" eb="28">
      <t>カイ</t>
    </rPh>
    <phoneticPr fontId="3"/>
  </si>
  <si>
    <t>2003607</t>
  </si>
  <si>
    <t>コーナン薬局</t>
    <rPh sb="4" eb="6">
      <t>ヤッキョク</t>
    </rPh>
    <phoneticPr fontId="3"/>
  </si>
  <si>
    <t>住吉区長居三丁目２－１８</t>
    <rPh sb="0" eb="3">
      <t>スミヨシク</t>
    </rPh>
    <rPh sb="3" eb="5">
      <t>ナガイ</t>
    </rPh>
    <rPh sb="5" eb="8">
      <t>サンチョウメ</t>
    </rPh>
    <phoneticPr fontId="3"/>
  </si>
  <si>
    <t>2003615</t>
  </si>
  <si>
    <t>ラブリー薬局</t>
    <rPh sb="4" eb="6">
      <t>ヤッキョク</t>
    </rPh>
    <phoneticPr fontId="3"/>
  </si>
  <si>
    <t>住吉区万代東三丁目１－４４</t>
    <rPh sb="0" eb="3">
      <t>スミヨシク</t>
    </rPh>
    <rPh sb="3" eb="5">
      <t>マンダイ</t>
    </rPh>
    <rPh sb="5" eb="6">
      <t>ヒガシ</t>
    </rPh>
    <rPh sb="6" eb="9">
      <t>サンチョウメ</t>
    </rPh>
    <phoneticPr fontId="3"/>
  </si>
  <si>
    <t>2003623</t>
  </si>
  <si>
    <t>キリン堂薬局　長居駅前店</t>
    <rPh sb="3" eb="4">
      <t>ドウ</t>
    </rPh>
    <rPh sb="4" eb="6">
      <t>ヤッキョク</t>
    </rPh>
    <rPh sb="7" eb="9">
      <t>ナガイ</t>
    </rPh>
    <rPh sb="9" eb="11">
      <t>エキマエ</t>
    </rPh>
    <rPh sb="11" eb="12">
      <t>テン</t>
    </rPh>
    <phoneticPr fontId="3"/>
  </si>
  <si>
    <t>住吉区長居東四丁目７－８　
岡安ビル　１階</t>
    <rPh sb="0" eb="3">
      <t>スミヨシク</t>
    </rPh>
    <rPh sb="3" eb="6">
      <t>ナガイヒガシ</t>
    </rPh>
    <rPh sb="6" eb="7">
      <t>ヨ</t>
    </rPh>
    <rPh sb="7" eb="9">
      <t>チョウメ</t>
    </rPh>
    <rPh sb="14" eb="16">
      <t>オカヤス</t>
    </rPh>
    <rPh sb="20" eb="21">
      <t>カイ</t>
    </rPh>
    <phoneticPr fontId="3"/>
  </si>
  <si>
    <t>2003631</t>
  </si>
  <si>
    <t>住吉薬局</t>
    <rPh sb="0" eb="2">
      <t>スミヨシ</t>
    </rPh>
    <rPh sb="2" eb="4">
      <t>ヤッキョク</t>
    </rPh>
    <phoneticPr fontId="3"/>
  </si>
  <si>
    <t>住吉区山之内三丁目２－４－１０１　
ファスタシオン</t>
    <rPh sb="0" eb="3">
      <t>スミヨシク</t>
    </rPh>
    <rPh sb="3" eb="6">
      <t>ヤマノウチ</t>
    </rPh>
    <rPh sb="6" eb="9">
      <t>サンチョウメ</t>
    </rPh>
    <phoneticPr fontId="3"/>
  </si>
  <si>
    <t>2003649</t>
  </si>
  <si>
    <t>オレンジ薬局　長居店</t>
    <rPh sb="4" eb="6">
      <t>ヤッキョク</t>
    </rPh>
    <rPh sb="7" eb="9">
      <t>ナガイ</t>
    </rPh>
    <rPh sb="9" eb="10">
      <t>テン</t>
    </rPh>
    <phoneticPr fontId="3"/>
  </si>
  <si>
    <t>住吉区長居東四丁目４－１５</t>
    <rPh sb="0" eb="3">
      <t>スミヨシク</t>
    </rPh>
    <rPh sb="3" eb="6">
      <t>ナガイヒガシ</t>
    </rPh>
    <rPh sb="6" eb="9">
      <t>ヨンチョウメ</t>
    </rPh>
    <phoneticPr fontId="3"/>
  </si>
  <si>
    <t>2003656</t>
  </si>
  <si>
    <t>マリアＰｈａｒｍａｃｙ</t>
  </si>
  <si>
    <t>住吉区長居東三丁目６－１８　
３階</t>
    <rPh sb="0" eb="3">
      <t>スミヨシク</t>
    </rPh>
    <rPh sb="3" eb="6">
      <t>ナガイヒガシ</t>
    </rPh>
    <rPh sb="6" eb="9">
      <t>サンチョウメ</t>
    </rPh>
    <rPh sb="16" eb="17">
      <t>ガイ</t>
    </rPh>
    <phoneticPr fontId="3"/>
  </si>
  <si>
    <t>2003664</t>
  </si>
  <si>
    <t>バイアル調剤薬局</t>
    <rPh sb="4" eb="6">
      <t>チョウザイ</t>
    </rPh>
    <rPh sb="6" eb="8">
      <t>ヤッキョク</t>
    </rPh>
    <phoneticPr fontId="3"/>
  </si>
  <si>
    <t>住吉区南住吉一丁目４－７　
メディカルセンター長居　１階</t>
    <rPh sb="0" eb="3">
      <t>スミヨシク</t>
    </rPh>
    <rPh sb="3" eb="6">
      <t>ミナミスミヨシ</t>
    </rPh>
    <rPh sb="6" eb="9">
      <t>イッチョウメ</t>
    </rPh>
    <rPh sb="23" eb="25">
      <t>ナガイ</t>
    </rPh>
    <rPh sb="27" eb="28">
      <t>カイ</t>
    </rPh>
    <phoneticPr fontId="3"/>
  </si>
  <si>
    <t>東住吉区</t>
    <rPh sb="0" eb="4">
      <t>ヒガシスミヨシク</t>
    </rPh>
    <phoneticPr fontId="3"/>
  </si>
  <si>
    <t>まつだ薬局</t>
    <rPh sb="3" eb="5">
      <t>ヤッキョク</t>
    </rPh>
    <phoneticPr fontId="3"/>
  </si>
  <si>
    <t>東住吉区北田辺四丁目２３－１７</t>
    <rPh sb="0" eb="4">
      <t>ヒガシスミヨシク</t>
    </rPh>
    <rPh sb="4" eb="7">
      <t>キタタナベ</t>
    </rPh>
    <rPh sb="7" eb="10">
      <t>ヨンチョウメ</t>
    </rPh>
    <phoneticPr fontId="3"/>
  </si>
  <si>
    <t>東住吉区西今川一丁目４－１４</t>
    <rPh sb="7" eb="10">
      <t>イッチョウメ</t>
    </rPh>
    <phoneticPr fontId="3"/>
  </si>
  <si>
    <t>ニシキ薬局</t>
    <rPh sb="3" eb="5">
      <t>ヤッキョク</t>
    </rPh>
    <phoneticPr fontId="3"/>
  </si>
  <si>
    <t>東住吉区山坂五丁目４－２１</t>
    <rPh sb="0" eb="4">
      <t>ヒガシスミヨシク</t>
    </rPh>
    <rPh sb="4" eb="6">
      <t>ヤマサカ</t>
    </rPh>
    <rPh sb="6" eb="9">
      <t>ゴチョウメ</t>
    </rPh>
    <phoneticPr fontId="3"/>
  </si>
  <si>
    <t>株式会社　ヤヨイ薬局</t>
    <rPh sb="0" eb="4">
      <t>カブシキガイシャ</t>
    </rPh>
    <rPh sb="8" eb="10">
      <t>ヤッキョク</t>
    </rPh>
    <phoneticPr fontId="3"/>
  </si>
  <si>
    <t>東住吉区湯里一丁目１４－６</t>
    <rPh sb="0" eb="4">
      <t>ヒガシスミヨシク</t>
    </rPh>
    <rPh sb="4" eb="6">
      <t>ユザト</t>
    </rPh>
    <rPh sb="6" eb="9">
      <t>イッチョウメ</t>
    </rPh>
    <phoneticPr fontId="3"/>
  </si>
  <si>
    <t>大丸薬局</t>
    <rPh sb="0" eb="2">
      <t>ダイマル</t>
    </rPh>
    <rPh sb="2" eb="4">
      <t>ヤッキョク</t>
    </rPh>
    <phoneticPr fontId="3"/>
  </si>
  <si>
    <t>東住吉区駒川四丁目９－１８</t>
    <rPh sb="0" eb="4">
      <t>ヒガシスミヨシク</t>
    </rPh>
    <rPh sb="4" eb="6">
      <t>コマガワ</t>
    </rPh>
    <rPh sb="6" eb="9">
      <t>ヨンチョウメ</t>
    </rPh>
    <phoneticPr fontId="3"/>
  </si>
  <si>
    <t>温泉堂薬局</t>
    <rPh sb="0" eb="2">
      <t>オンセン</t>
    </rPh>
    <rPh sb="2" eb="3">
      <t>ドウ</t>
    </rPh>
    <rPh sb="3" eb="5">
      <t>ヤッキョク</t>
    </rPh>
    <phoneticPr fontId="3"/>
  </si>
  <si>
    <t>東住吉区田辺一丁目５－７</t>
    <rPh sb="0" eb="4">
      <t>ヒガシスミヨシク</t>
    </rPh>
    <rPh sb="4" eb="6">
      <t>タナベ</t>
    </rPh>
    <rPh sb="6" eb="9">
      <t>イッチョウメ</t>
    </rPh>
    <phoneticPr fontId="3"/>
  </si>
  <si>
    <t>モリモト薬局</t>
    <rPh sb="4" eb="6">
      <t>ヤッキョク</t>
    </rPh>
    <phoneticPr fontId="3"/>
  </si>
  <si>
    <t>東住吉区今川一丁目７－17</t>
    <rPh sb="0" eb="4">
      <t>ヒガシスミヨシク</t>
    </rPh>
    <rPh sb="4" eb="6">
      <t>イマガワ</t>
    </rPh>
    <rPh sb="6" eb="9">
      <t>イッチョウメ</t>
    </rPh>
    <phoneticPr fontId="3"/>
  </si>
  <si>
    <t>スマット薬局</t>
    <rPh sb="4" eb="6">
      <t>ヤッキョク</t>
    </rPh>
    <phoneticPr fontId="3"/>
  </si>
  <si>
    <t>東住吉区杭全五丁目８－２１</t>
    <rPh sb="0" eb="4">
      <t>ヒガシスミヨシク</t>
    </rPh>
    <rPh sb="4" eb="6">
      <t>クマタ</t>
    </rPh>
    <rPh sb="6" eb="9">
      <t>ゴチョウメ</t>
    </rPh>
    <phoneticPr fontId="3"/>
  </si>
  <si>
    <t>東住吉区田辺３－２３－９　
清和ビル　１階</t>
    <rPh sb="0" eb="4">
      <t>ヒガシスミヨシク</t>
    </rPh>
    <rPh sb="4" eb="6">
      <t>タナベ</t>
    </rPh>
    <rPh sb="14" eb="16">
      <t>セイワ</t>
    </rPh>
    <rPh sb="20" eb="21">
      <t>カイ</t>
    </rPh>
    <phoneticPr fontId="3"/>
  </si>
  <si>
    <t>東住吉区北田辺四丁目２２－６　
田辺ビル　１階</t>
    <rPh sb="0" eb="4">
      <t>ヒガシスミヨシク</t>
    </rPh>
    <rPh sb="4" eb="7">
      <t>キタタナベ</t>
    </rPh>
    <rPh sb="7" eb="10">
      <t>ヨンチョウメ</t>
    </rPh>
    <rPh sb="16" eb="18">
      <t>タナベ</t>
    </rPh>
    <rPh sb="22" eb="23">
      <t>カイ</t>
    </rPh>
    <phoneticPr fontId="3"/>
  </si>
  <si>
    <t>フラワー薬局</t>
    <rPh sb="4" eb="6">
      <t>ヤッキョク</t>
    </rPh>
    <phoneticPr fontId="3"/>
  </si>
  <si>
    <t>東住吉区鷹合三丁目１６－３０</t>
    <rPh sb="0" eb="4">
      <t>ヒガシスミヨシク</t>
    </rPh>
    <rPh sb="4" eb="6">
      <t>タカアイ</t>
    </rPh>
    <rPh sb="6" eb="9">
      <t>サンチョウメ</t>
    </rPh>
    <phoneticPr fontId="3"/>
  </si>
  <si>
    <t>ハロードラッグ矢田駅前薬局</t>
    <rPh sb="7" eb="8">
      <t>ヤ</t>
    </rPh>
    <rPh sb="8" eb="9">
      <t>タ</t>
    </rPh>
    <rPh sb="9" eb="11">
      <t>エキマエ</t>
    </rPh>
    <rPh sb="11" eb="13">
      <t>ヤッキョク</t>
    </rPh>
    <phoneticPr fontId="3"/>
  </si>
  <si>
    <t>東住吉区照ヶ丘矢田三丁目４－３３</t>
    <rPh sb="0" eb="4">
      <t>ヒガシスミヨシク</t>
    </rPh>
    <rPh sb="4" eb="5">
      <t>テ</t>
    </rPh>
    <rPh sb="6" eb="7">
      <t>オカ</t>
    </rPh>
    <rPh sb="7" eb="8">
      <t>ヤ</t>
    </rPh>
    <rPh sb="8" eb="9">
      <t>タ</t>
    </rPh>
    <rPh sb="9" eb="12">
      <t>サンチョウメ</t>
    </rPh>
    <phoneticPr fontId="3"/>
  </si>
  <si>
    <t>和光薬局</t>
    <rPh sb="0" eb="2">
      <t>ワコウ</t>
    </rPh>
    <rPh sb="2" eb="4">
      <t>ヤッキョク</t>
    </rPh>
    <phoneticPr fontId="3"/>
  </si>
  <si>
    <t>東住吉区中野四丁目５－１８</t>
    <rPh sb="0" eb="4">
      <t>ヒガシスミヨシク</t>
    </rPh>
    <rPh sb="4" eb="6">
      <t>ナカノ</t>
    </rPh>
    <rPh sb="6" eb="9">
      <t>ヨンチョウメ</t>
    </rPh>
    <phoneticPr fontId="3"/>
  </si>
  <si>
    <t>天美薬局　東田辺店</t>
    <rPh sb="0" eb="2">
      <t>アマミ</t>
    </rPh>
    <rPh sb="2" eb="4">
      <t>ヤッキョク</t>
    </rPh>
    <rPh sb="5" eb="6">
      <t>ヒガシ</t>
    </rPh>
    <rPh sb="6" eb="9">
      <t>タナベテン</t>
    </rPh>
    <phoneticPr fontId="3"/>
  </si>
  <si>
    <t>東住吉区東田辺三丁目６－１７</t>
    <rPh sb="0" eb="4">
      <t>ヒガシスミヨシク</t>
    </rPh>
    <rPh sb="4" eb="5">
      <t>ヒガシ</t>
    </rPh>
    <rPh sb="5" eb="7">
      <t>タナベ</t>
    </rPh>
    <rPh sb="7" eb="10">
      <t>サンチョウメ</t>
    </rPh>
    <phoneticPr fontId="3"/>
  </si>
  <si>
    <t>針中野ひよこ薬局</t>
    <rPh sb="0" eb="3">
      <t>ハリナカノ</t>
    </rPh>
    <rPh sb="6" eb="8">
      <t>ヤッキョク</t>
    </rPh>
    <phoneticPr fontId="3"/>
  </si>
  <si>
    <t>東住吉区鷹合二丁目１－１４</t>
    <rPh sb="0" eb="4">
      <t>ヒガシスミヨシク</t>
    </rPh>
    <rPh sb="4" eb="6">
      <t>タカアイ</t>
    </rPh>
    <rPh sb="6" eb="9">
      <t>ニチョウメ</t>
    </rPh>
    <phoneticPr fontId="3"/>
  </si>
  <si>
    <t>ドレミ薬局　針中野店</t>
    <rPh sb="3" eb="5">
      <t>ヤッキョク</t>
    </rPh>
    <rPh sb="6" eb="9">
      <t>ハリナカノ</t>
    </rPh>
    <rPh sb="9" eb="10">
      <t>ミセ</t>
    </rPh>
    <phoneticPr fontId="3"/>
  </si>
  <si>
    <t>東住吉区湯里一丁目１３－２　
パールハイム針中野　１階</t>
    <rPh sb="0" eb="4">
      <t>ヒガシスミヨシク</t>
    </rPh>
    <rPh sb="4" eb="6">
      <t>ユザト</t>
    </rPh>
    <rPh sb="6" eb="9">
      <t>イッチョウメ</t>
    </rPh>
    <rPh sb="21" eb="24">
      <t>ハリナカノ</t>
    </rPh>
    <rPh sb="26" eb="27">
      <t>カイ</t>
    </rPh>
    <phoneticPr fontId="3"/>
  </si>
  <si>
    <t>ドレミ薬局　駒川中野店</t>
    <rPh sb="3" eb="5">
      <t>ヤッキョク</t>
    </rPh>
    <rPh sb="6" eb="8">
      <t>コマガワ</t>
    </rPh>
    <rPh sb="8" eb="10">
      <t>ナカノ</t>
    </rPh>
    <rPh sb="10" eb="11">
      <t>ミセ</t>
    </rPh>
    <phoneticPr fontId="3"/>
  </si>
  <si>
    <t>東住吉区駒川三丁目３０－５</t>
    <rPh sb="0" eb="4">
      <t>ヒガシスミヨシク</t>
    </rPh>
    <rPh sb="4" eb="6">
      <t>コマガワ</t>
    </rPh>
    <rPh sb="6" eb="9">
      <t>サンチョウメ</t>
    </rPh>
    <phoneticPr fontId="3"/>
  </si>
  <si>
    <t>杭全みなみ薬局</t>
    <rPh sb="0" eb="2">
      <t>クマタ</t>
    </rPh>
    <rPh sb="5" eb="7">
      <t>ヤッキョク</t>
    </rPh>
    <phoneticPr fontId="3"/>
  </si>
  <si>
    <t>東住吉区今川一丁目４－１０　
サンライフ今川　１０１号</t>
    <rPh sb="0" eb="4">
      <t>ヒガシスミヨシク</t>
    </rPh>
    <rPh sb="4" eb="6">
      <t>イマガワ</t>
    </rPh>
    <rPh sb="6" eb="9">
      <t>イッチョウメ</t>
    </rPh>
    <rPh sb="20" eb="22">
      <t>イマガワ</t>
    </rPh>
    <rPh sb="26" eb="27">
      <t>ゴウ</t>
    </rPh>
    <phoneticPr fontId="3"/>
  </si>
  <si>
    <t>東住吉区鷹合三丁目１－２５</t>
    <rPh sb="0" eb="4">
      <t>ヒガシスミヨシク</t>
    </rPh>
    <rPh sb="4" eb="5">
      <t>タカ</t>
    </rPh>
    <rPh sb="5" eb="6">
      <t>ア</t>
    </rPh>
    <rPh sb="6" eb="9">
      <t>サンチョウメ</t>
    </rPh>
    <phoneticPr fontId="3"/>
  </si>
  <si>
    <t>パステルファーマシー　駒川店</t>
    <rPh sb="11" eb="13">
      <t>コマガワ</t>
    </rPh>
    <rPh sb="13" eb="14">
      <t>ミセ</t>
    </rPh>
    <phoneticPr fontId="3"/>
  </si>
  <si>
    <t>東住吉区東田辺三丁目２２－１７</t>
    <rPh sb="0" eb="4">
      <t>ヒガシスミヨシク</t>
    </rPh>
    <rPh sb="4" eb="5">
      <t>ヒガシ</t>
    </rPh>
    <rPh sb="5" eb="7">
      <t>タナベ</t>
    </rPh>
    <rPh sb="7" eb="10">
      <t>サンチョウメ</t>
    </rPh>
    <phoneticPr fontId="3"/>
  </si>
  <si>
    <t>進行堂東薬局</t>
    <rPh sb="0" eb="2">
      <t>シンコウ</t>
    </rPh>
    <rPh sb="2" eb="3">
      <t>ドウ</t>
    </rPh>
    <rPh sb="3" eb="4">
      <t>ヒガシ</t>
    </rPh>
    <rPh sb="4" eb="6">
      <t>ヤッキョク</t>
    </rPh>
    <phoneticPr fontId="3"/>
  </si>
  <si>
    <t>東住吉区照ヶ丘矢田三丁目４－３</t>
    <rPh sb="0" eb="4">
      <t>ヒガシスミヨシク</t>
    </rPh>
    <rPh sb="4" eb="5">
      <t>テ</t>
    </rPh>
    <rPh sb="6" eb="7">
      <t>オカ</t>
    </rPh>
    <rPh sb="7" eb="8">
      <t>ヤ</t>
    </rPh>
    <rPh sb="8" eb="9">
      <t>タ</t>
    </rPh>
    <rPh sb="9" eb="12">
      <t>サンチョウメ</t>
    </rPh>
    <phoneticPr fontId="3"/>
  </si>
  <si>
    <t>十全薬局　矢田店</t>
    <rPh sb="0" eb="1">
      <t>ジュウ</t>
    </rPh>
    <rPh sb="1" eb="2">
      <t>ゼン</t>
    </rPh>
    <rPh sb="2" eb="4">
      <t>ヤッキョク</t>
    </rPh>
    <rPh sb="5" eb="6">
      <t>ヤ</t>
    </rPh>
    <rPh sb="6" eb="7">
      <t>タ</t>
    </rPh>
    <rPh sb="7" eb="8">
      <t>テン</t>
    </rPh>
    <phoneticPr fontId="3"/>
  </si>
  <si>
    <t>東住吉区矢田二丁目９－１４　
アセンドプラザビル　１階１０２号</t>
    <rPh sb="0" eb="4">
      <t>ヒガシスミヨシク</t>
    </rPh>
    <rPh sb="4" eb="5">
      <t>ヤ</t>
    </rPh>
    <rPh sb="5" eb="6">
      <t>タ</t>
    </rPh>
    <rPh sb="6" eb="9">
      <t>ニチョウメ</t>
    </rPh>
    <rPh sb="26" eb="27">
      <t>カイ</t>
    </rPh>
    <rPh sb="30" eb="31">
      <t>ゴウ</t>
    </rPh>
    <phoneticPr fontId="3"/>
  </si>
  <si>
    <t>進行堂薬局</t>
    <rPh sb="0" eb="2">
      <t>シンコウ</t>
    </rPh>
    <rPh sb="2" eb="3">
      <t>ドウ</t>
    </rPh>
    <rPh sb="3" eb="5">
      <t>ヤッキョク</t>
    </rPh>
    <phoneticPr fontId="3"/>
  </si>
  <si>
    <t>東住吉区照ヶ丘矢田三丁目６－１</t>
    <rPh sb="0" eb="4">
      <t>ヒガシスミヨシク</t>
    </rPh>
    <rPh sb="4" eb="5">
      <t>テ</t>
    </rPh>
    <rPh sb="6" eb="7">
      <t>オカ</t>
    </rPh>
    <rPh sb="7" eb="8">
      <t>ヤ</t>
    </rPh>
    <rPh sb="8" eb="9">
      <t>タ</t>
    </rPh>
    <rPh sb="9" eb="12">
      <t>サンチョウメ</t>
    </rPh>
    <phoneticPr fontId="3"/>
  </si>
  <si>
    <t>アイリス薬局</t>
    <rPh sb="4" eb="6">
      <t>ヤッキョク</t>
    </rPh>
    <phoneticPr fontId="3"/>
  </si>
  <si>
    <t>東住吉区矢田二丁目１２－１</t>
    <rPh sb="0" eb="4">
      <t>ヒガシスミヨシク</t>
    </rPh>
    <rPh sb="4" eb="5">
      <t>ヤ</t>
    </rPh>
    <rPh sb="5" eb="6">
      <t>タ</t>
    </rPh>
    <rPh sb="6" eb="9">
      <t>ニチョウメ</t>
    </rPh>
    <phoneticPr fontId="3"/>
  </si>
  <si>
    <t>進行堂薬局　鷹合店</t>
    <rPh sb="0" eb="2">
      <t>シンコウ</t>
    </rPh>
    <rPh sb="2" eb="3">
      <t>ドウ</t>
    </rPh>
    <rPh sb="3" eb="5">
      <t>ヤッキョク</t>
    </rPh>
    <rPh sb="6" eb="8">
      <t>タカアイ</t>
    </rPh>
    <rPh sb="8" eb="9">
      <t>ミセ</t>
    </rPh>
    <phoneticPr fontId="3"/>
  </si>
  <si>
    <t>東住吉区鷹合二丁目１２－１１</t>
    <rPh sb="0" eb="4">
      <t>ヒガシスミヨシク</t>
    </rPh>
    <rPh sb="4" eb="6">
      <t>タカアイ</t>
    </rPh>
    <rPh sb="6" eb="9">
      <t>ニチョウメ</t>
    </rPh>
    <phoneticPr fontId="3"/>
  </si>
  <si>
    <t>ニューロン薬局　山坂店</t>
    <rPh sb="5" eb="7">
      <t>ヤッキョク</t>
    </rPh>
    <rPh sb="8" eb="10">
      <t>ヤマサカ</t>
    </rPh>
    <rPh sb="10" eb="11">
      <t>テン</t>
    </rPh>
    <phoneticPr fontId="3"/>
  </si>
  <si>
    <t>東住吉区山坂三丁目９－１６</t>
    <rPh sb="0" eb="4">
      <t>ヒガシスミヨシク</t>
    </rPh>
    <rPh sb="4" eb="5">
      <t>ヤマ</t>
    </rPh>
    <rPh sb="5" eb="6">
      <t>サカ</t>
    </rPh>
    <rPh sb="6" eb="9">
      <t>サンチョウメ</t>
    </rPh>
    <phoneticPr fontId="3"/>
  </si>
  <si>
    <t>今川トモエ薬局</t>
    <rPh sb="0" eb="2">
      <t>イマガワ</t>
    </rPh>
    <rPh sb="5" eb="7">
      <t>ヤッキョク</t>
    </rPh>
    <phoneticPr fontId="3"/>
  </si>
  <si>
    <t>東住吉区西今川二丁目１４－１２　
サンライフ</t>
    <rPh sb="0" eb="4">
      <t>ヒガシスミヨシク</t>
    </rPh>
    <rPh sb="4" eb="7">
      <t>ニシイマガワ</t>
    </rPh>
    <rPh sb="7" eb="10">
      <t>ニチョウメ</t>
    </rPh>
    <phoneticPr fontId="3"/>
  </si>
  <si>
    <t>みんなの薬局</t>
    <rPh sb="4" eb="6">
      <t>ヤッキョク</t>
    </rPh>
    <phoneticPr fontId="3"/>
  </si>
  <si>
    <t>東住吉区中野四丁目１２－１６　
アマナ　１階</t>
    <rPh sb="0" eb="4">
      <t>ヒガシスミヨシク</t>
    </rPh>
    <rPh sb="4" eb="6">
      <t>ナカノ</t>
    </rPh>
    <rPh sb="6" eb="7">
      <t>ヨン</t>
    </rPh>
    <rPh sb="7" eb="9">
      <t>チョウメ</t>
    </rPh>
    <rPh sb="21" eb="22">
      <t>カイ</t>
    </rPh>
    <phoneticPr fontId="3"/>
  </si>
  <si>
    <t>杭全ファーマライズ薬局</t>
    <rPh sb="0" eb="2">
      <t>クマタ</t>
    </rPh>
    <rPh sb="9" eb="11">
      <t>ヤッキョク</t>
    </rPh>
    <phoneticPr fontId="3"/>
  </si>
  <si>
    <t>東住吉区杭全七丁目９－１８</t>
    <rPh sb="0" eb="4">
      <t>ヒガシスミヨシク</t>
    </rPh>
    <rPh sb="4" eb="6">
      <t>クマタ</t>
    </rPh>
    <rPh sb="6" eb="9">
      <t>ナナチョウメ</t>
    </rPh>
    <phoneticPr fontId="3"/>
  </si>
  <si>
    <t>東住吉区桑津五丁目１６－３</t>
    <rPh sb="0" eb="4">
      <t>ヒガシスミヨシク</t>
    </rPh>
    <rPh sb="4" eb="5">
      <t>クワ</t>
    </rPh>
    <rPh sb="5" eb="6">
      <t>ツ</t>
    </rPh>
    <rPh sb="6" eb="9">
      <t>ゴチョウメ</t>
    </rPh>
    <phoneticPr fontId="3"/>
  </si>
  <si>
    <t>やわらぎ薬局</t>
    <rPh sb="4" eb="6">
      <t>ヤッキョク</t>
    </rPh>
    <phoneticPr fontId="3"/>
  </si>
  <si>
    <t>東住吉区田辺二丁目１１－３９－１０１</t>
    <rPh sb="0" eb="4">
      <t>ヒガシスミヨシク</t>
    </rPh>
    <rPh sb="4" eb="6">
      <t>タナベ</t>
    </rPh>
    <rPh sb="6" eb="7">
      <t>ニ</t>
    </rPh>
    <rPh sb="7" eb="8">
      <t>チョウ</t>
    </rPh>
    <rPh sb="8" eb="9">
      <t>メ</t>
    </rPh>
    <phoneticPr fontId="3"/>
  </si>
  <si>
    <t>東住吉区矢田五丁目２－２０</t>
    <rPh sb="0" eb="1">
      <t>ヒガシ</t>
    </rPh>
    <rPh sb="1" eb="4">
      <t>スミヨシク</t>
    </rPh>
    <rPh sb="4" eb="5">
      <t>ヤ</t>
    </rPh>
    <rPh sb="5" eb="6">
      <t>タ</t>
    </rPh>
    <rPh sb="6" eb="7">
      <t>5</t>
    </rPh>
    <rPh sb="7" eb="9">
      <t>チョウメ</t>
    </rPh>
    <phoneticPr fontId="3"/>
  </si>
  <si>
    <t>進行堂西薬局</t>
    <rPh sb="0" eb="2">
      <t>シンコウ</t>
    </rPh>
    <rPh sb="2" eb="3">
      <t>ドウ</t>
    </rPh>
    <rPh sb="3" eb="4">
      <t>ニシ</t>
    </rPh>
    <rPh sb="4" eb="6">
      <t>ヤッキョク</t>
    </rPh>
    <phoneticPr fontId="3"/>
  </si>
  <si>
    <t>東住吉区矢田一丁目１９－２２</t>
    <rPh sb="0" eb="4">
      <t>ヒガシスミヨシク</t>
    </rPh>
    <rPh sb="4" eb="6">
      <t>ヤタ</t>
    </rPh>
    <rPh sb="6" eb="7">
      <t>１</t>
    </rPh>
    <rPh sb="7" eb="9">
      <t>チョウメ</t>
    </rPh>
    <phoneticPr fontId="3"/>
  </si>
  <si>
    <t>さくら薬局　大阪桑津店</t>
    <rPh sb="3" eb="5">
      <t>ヤッキョク</t>
    </rPh>
    <rPh sb="6" eb="8">
      <t>オオサカ</t>
    </rPh>
    <rPh sb="8" eb="10">
      <t>クワヅ</t>
    </rPh>
    <rPh sb="10" eb="11">
      <t>テン</t>
    </rPh>
    <phoneticPr fontId="3"/>
  </si>
  <si>
    <t>東住吉区桑津二丁目８－２１</t>
    <rPh sb="0" eb="1">
      <t>ヒガシ</t>
    </rPh>
    <rPh sb="1" eb="4">
      <t>スミヨシク</t>
    </rPh>
    <rPh sb="4" eb="6">
      <t>クワヅ</t>
    </rPh>
    <rPh sb="6" eb="9">
      <t>ニチョウメ</t>
    </rPh>
    <phoneticPr fontId="3"/>
  </si>
  <si>
    <t>今川薬局</t>
    <rPh sb="0" eb="2">
      <t>イマガワ</t>
    </rPh>
    <rPh sb="2" eb="4">
      <t>ヤッキョク</t>
    </rPh>
    <phoneticPr fontId="3"/>
  </si>
  <si>
    <t>東住吉区西今川二丁目１２－１８</t>
    <rPh sb="0" eb="1">
      <t>ヒガシ</t>
    </rPh>
    <rPh sb="1" eb="4">
      <t>スミヨシク</t>
    </rPh>
    <rPh sb="4" eb="7">
      <t>ニシイマガワ</t>
    </rPh>
    <rPh sb="7" eb="10">
      <t>2チョウメ</t>
    </rPh>
    <phoneticPr fontId="3"/>
  </si>
  <si>
    <t>東住吉区鷹合二丁目１７－６</t>
    <rPh sb="0" eb="4">
      <t>ヒガシスミヨシク</t>
    </rPh>
    <rPh sb="4" eb="5">
      <t>タカ</t>
    </rPh>
    <rPh sb="5" eb="6">
      <t>ア</t>
    </rPh>
    <rPh sb="6" eb="9">
      <t>ニチョウメ</t>
    </rPh>
    <phoneticPr fontId="3"/>
  </si>
  <si>
    <t>タナベ薬局</t>
    <rPh sb="3" eb="5">
      <t>ヤッキョク</t>
    </rPh>
    <phoneticPr fontId="3"/>
  </si>
  <si>
    <t>東住吉区南田辺二丁目４－１７</t>
    <rPh sb="0" eb="4">
      <t>ヒガシスミヨシク</t>
    </rPh>
    <rPh sb="4" eb="7">
      <t>ミナミタナベ</t>
    </rPh>
    <rPh sb="7" eb="10">
      <t>ニチョウメ</t>
    </rPh>
    <phoneticPr fontId="3"/>
  </si>
  <si>
    <t>美章園保健薬局</t>
    <rPh sb="0" eb="3">
      <t>ビショウエン</t>
    </rPh>
    <rPh sb="3" eb="5">
      <t>ホケン</t>
    </rPh>
    <rPh sb="5" eb="7">
      <t>ヤッキョク</t>
    </rPh>
    <phoneticPr fontId="3"/>
  </si>
  <si>
    <t>東住吉区桑津五丁目２－１６</t>
    <rPh sb="0" eb="4">
      <t>ヒガシスミヨシク</t>
    </rPh>
    <rPh sb="4" eb="6">
      <t>クワヅ</t>
    </rPh>
    <rPh sb="6" eb="9">
      <t>５チョウメ</t>
    </rPh>
    <phoneticPr fontId="3"/>
  </si>
  <si>
    <t>進行堂北薬局</t>
    <rPh sb="0" eb="2">
      <t>シンコウ</t>
    </rPh>
    <rPh sb="2" eb="3">
      <t>ドウ</t>
    </rPh>
    <rPh sb="3" eb="4">
      <t>キタ</t>
    </rPh>
    <rPh sb="4" eb="6">
      <t>ヤッキョク</t>
    </rPh>
    <phoneticPr fontId="3"/>
  </si>
  <si>
    <t>東住吉区照ヶ丘矢田一丁目８－２１</t>
    <rPh sb="0" eb="4">
      <t>ヒガシスミヨシク</t>
    </rPh>
    <rPh sb="4" eb="5">
      <t>テル</t>
    </rPh>
    <rPh sb="6" eb="7">
      <t>オカ</t>
    </rPh>
    <rPh sb="7" eb="9">
      <t>ヤタ</t>
    </rPh>
    <rPh sb="9" eb="12">
      <t>イッチョウメ</t>
    </rPh>
    <phoneticPr fontId="3"/>
  </si>
  <si>
    <t>針中野コスモス薬局</t>
    <rPh sb="0" eb="3">
      <t>ハリナカノ</t>
    </rPh>
    <rPh sb="7" eb="9">
      <t>ヤッキョク</t>
    </rPh>
    <phoneticPr fontId="3"/>
  </si>
  <si>
    <t>東住吉区針中野四丁目１２－２７</t>
    <rPh sb="0" eb="4">
      <t>ヒガシスミヨシク</t>
    </rPh>
    <rPh sb="4" eb="7">
      <t>ハリナカノ</t>
    </rPh>
    <rPh sb="7" eb="10">
      <t>４チョウメ</t>
    </rPh>
    <phoneticPr fontId="3"/>
  </si>
  <si>
    <t>はな薬局　南田辺店</t>
    <rPh sb="2" eb="4">
      <t>ヤッキョク</t>
    </rPh>
    <rPh sb="5" eb="6">
      <t>ミナミ</t>
    </rPh>
    <rPh sb="6" eb="8">
      <t>タナベ</t>
    </rPh>
    <rPh sb="8" eb="9">
      <t>テン</t>
    </rPh>
    <phoneticPr fontId="3"/>
  </si>
  <si>
    <t>東住吉区南田辺一丁目５－３０</t>
    <rPh sb="0" eb="1">
      <t>ヒガシ</t>
    </rPh>
    <rPh sb="1" eb="4">
      <t>スミヨシク</t>
    </rPh>
    <rPh sb="4" eb="5">
      <t>ミナミ</t>
    </rPh>
    <rPh sb="5" eb="7">
      <t>タナベ</t>
    </rPh>
    <rPh sb="7" eb="10">
      <t>１チョウメ</t>
    </rPh>
    <phoneticPr fontId="3"/>
  </si>
  <si>
    <t>あさひ薬局　針中野店</t>
    <rPh sb="3" eb="5">
      <t>ヤッキョク</t>
    </rPh>
    <rPh sb="6" eb="9">
      <t>ハリナカノ</t>
    </rPh>
    <rPh sb="9" eb="10">
      <t>テン</t>
    </rPh>
    <phoneticPr fontId="3"/>
  </si>
  <si>
    <t>東住吉区鷹合二丁目３－２９</t>
    <rPh sb="0" eb="4">
      <t>ヒガシスミヨシク</t>
    </rPh>
    <rPh sb="4" eb="6">
      <t>タカアイ</t>
    </rPh>
    <rPh sb="6" eb="9">
      <t>２チョウメ</t>
    </rPh>
    <phoneticPr fontId="3"/>
  </si>
  <si>
    <t>ＳＫ薬局</t>
    <rPh sb="2" eb="4">
      <t>ヤッキョク</t>
    </rPh>
    <phoneticPr fontId="3"/>
  </si>
  <si>
    <t>東住吉区西今川四丁目２３－２０　
ヴィーブル中野　１階</t>
    <rPh sb="0" eb="4">
      <t>ヒガシスミヨシク</t>
    </rPh>
    <rPh sb="4" eb="7">
      <t>ニシイマガワ</t>
    </rPh>
    <rPh sb="7" eb="10">
      <t>４チョウメ</t>
    </rPh>
    <rPh sb="22" eb="24">
      <t>ナカノ</t>
    </rPh>
    <rPh sb="26" eb="27">
      <t>カイ</t>
    </rPh>
    <phoneticPr fontId="3"/>
  </si>
  <si>
    <t>サエラ薬局　今川店</t>
    <rPh sb="3" eb="5">
      <t>ヤッキョク</t>
    </rPh>
    <rPh sb="6" eb="8">
      <t>イマガワ</t>
    </rPh>
    <rPh sb="8" eb="9">
      <t>テン</t>
    </rPh>
    <phoneticPr fontId="3"/>
  </si>
  <si>
    <t>東住吉区今川三丁目１２－１２　
１階</t>
    <rPh sb="0" eb="4">
      <t>ヒガシスミヨシク</t>
    </rPh>
    <rPh sb="4" eb="6">
      <t>イマガワ</t>
    </rPh>
    <rPh sb="6" eb="9">
      <t>３チョウメ</t>
    </rPh>
    <rPh sb="17" eb="18">
      <t>カイ</t>
    </rPh>
    <phoneticPr fontId="3"/>
  </si>
  <si>
    <t>カメイ調剤薬局　北田辺駅前店</t>
    <rPh sb="3" eb="5">
      <t>チョウザイ</t>
    </rPh>
    <rPh sb="5" eb="7">
      <t>ヤッキョク</t>
    </rPh>
    <rPh sb="8" eb="11">
      <t>キタタナベ</t>
    </rPh>
    <rPh sb="11" eb="12">
      <t>エキ</t>
    </rPh>
    <rPh sb="12" eb="13">
      <t>マエ</t>
    </rPh>
    <rPh sb="13" eb="14">
      <t>ミセ</t>
    </rPh>
    <phoneticPr fontId="3"/>
  </si>
  <si>
    <t>東住吉区駒川一丁目６－１８　
メゾンセドーレ　１階</t>
    <rPh sb="0" eb="3">
      <t>ヒガシスミヨシ</t>
    </rPh>
    <rPh sb="3" eb="4">
      <t>ク</t>
    </rPh>
    <rPh sb="4" eb="6">
      <t>コマガワ</t>
    </rPh>
    <rPh sb="6" eb="9">
      <t>イッチョウメ</t>
    </rPh>
    <rPh sb="24" eb="25">
      <t>カイ</t>
    </rPh>
    <phoneticPr fontId="3"/>
  </si>
  <si>
    <t>スギ薬局　鷹合店</t>
    <rPh sb="2" eb="4">
      <t>ヤッキョク</t>
    </rPh>
    <rPh sb="5" eb="7">
      <t>タカアイ</t>
    </rPh>
    <rPh sb="7" eb="8">
      <t>テン</t>
    </rPh>
    <phoneticPr fontId="3"/>
  </si>
  <si>
    <t>東住吉区鷹合一丁目１３－６</t>
    <rPh sb="0" eb="4">
      <t>ヒガシスミヨシク</t>
    </rPh>
    <rPh sb="4" eb="6">
      <t>タカアイ</t>
    </rPh>
    <rPh sb="6" eb="9">
      <t>イッチョウメ</t>
    </rPh>
    <phoneticPr fontId="3"/>
  </si>
  <si>
    <t>ひかり薬局　東田辺店</t>
    <rPh sb="3" eb="5">
      <t>ヤッキョク</t>
    </rPh>
    <rPh sb="6" eb="7">
      <t>ヒガシ</t>
    </rPh>
    <rPh sb="7" eb="9">
      <t>タナベ</t>
    </rPh>
    <rPh sb="9" eb="10">
      <t>ミセ</t>
    </rPh>
    <phoneticPr fontId="3"/>
  </si>
  <si>
    <t>東住吉区東田辺二丁目４－１－１０１　
ファーストハイツ駒川</t>
    <rPh sb="0" eb="4">
      <t>ヒガシスミヨシク</t>
    </rPh>
    <rPh sb="4" eb="5">
      <t>ヒガシ</t>
    </rPh>
    <rPh sb="5" eb="7">
      <t>タナベ</t>
    </rPh>
    <rPh sb="7" eb="10">
      <t>ニチョウメ</t>
    </rPh>
    <rPh sb="27" eb="29">
      <t>コマガワ</t>
    </rPh>
    <phoneticPr fontId="3"/>
  </si>
  <si>
    <t>東住吉区今川七丁目１３－２９</t>
    <rPh sb="0" eb="4">
      <t>ヒガシスミヨシク</t>
    </rPh>
    <rPh sb="4" eb="6">
      <t>イマガワ</t>
    </rPh>
    <rPh sb="6" eb="9">
      <t>ナナチョウメ</t>
    </rPh>
    <phoneticPr fontId="3"/>
  </si>
  <si>
    <t>スギ薬局　長居公園通店</t>
    <rPh sb="2" eb="4">
      <t>ヤッキョク</t>
    </rPh>
    <rPh sb="5" eb="7">
      <t>ナガイ</t>
    </rPh>
    <rPh sb="7" eb="9">
      <t>コウエン</t>
    </rPh>
    <rPh sb="9" eb="10">
      <t>ドオ</t>
    </rPh>
    <rPh sb="10" eb="11">
      <t>テン</t>
    </rPh>
    <phoneticPr fontId="3"/>
  </si>
  <si>
    <t>東住吉区矢田一丁目１６－１２</t>
    <rPh sb="0" eb="4">
      <t>ヒガシスミヨシク</t>
    </rPh>
    <rPh sb="4" eb="6">
      <t>ヤダ</t>
    </rPh>
    <rPh sb="6" eb="9">
      <t>イッチョウメ</t>
    </rPh>
    <phoneticPr fontId="3"/>
  </si>
  <si>
    <t>オーケー薬局</t>
    <rPh sb="4" eb="6">
      <t>ヤッキョク</t>
    </rPh>
    <phoneticPr fontId="3"/>
  </si>
  <si>
    <t>東住吉区山坂五丁目１６－１　
山坂マンション　１階</t>
    <rPh sb="0" eb="4">
      <t>ヒガシスミヨシク</t>
    </rPh>
    <rPh sb="4" eb="6">
      <t>ヤマサカ</t>
    </rPh>
    <rPh sb="6" eb="9">
      <t>ゴチョウメ</t>
    </rPh>
    <rPh sb="15" eb="17">
      <t>ヤマサカ</t>
    </rPh>
    <rPh sb="24" eb="25">
      <t>カイ</t>
    </rPh>
    <phoneticPr fontId="3"/>
  </si>
  <si>
    <t>東住吉区</t>
    <rPh sb="3" eb="4">
      <t>ク</t>
    </rPh>
    <phoneticPr fontId="3"/>
  </si>
  <si>
    <t>0803289</t>
  </si>
  <si>
    <t>はな薬局　東田辺店</t>
    <rPh sb="2" eb="4">
      <t>ヤッキョク</t>
    </rPh>
    <rPh sb="5" eb="8">
      <t>ヒガシタナベ</t>
    </rPh>
    <rPh sb="8" eb="9">
      <t>テン</t>
    </rPh>
    <phoneticPr fontId="3"/>
  </si>
  <si>
    <t>東住吉区東田辺二丁目２７－１４
１階</t>
    <rPh sb="0" eb="4">
      <t>ヒガシスミヨシク</t>
    </rPh>
    <rPh sb="4" eb="7">
      <t>ヒガシタナベ</t>
    </rPh>
    <rPh sb="7" eb="10">
      <t>ニチョウメ</t>
    </rPh>
    <rPh sb="17" eb="18">
      <t>カイ</t>
    </rPh>
    <phoneticPr fontId="3"/>
  </si>
  <si>
    <t>0803297</t>
  </si>
  <si>
    <t>さん薬局</t>
    <rPh sb="2" eb="4">
      <t>ヤッキョク</t>
    </rPh>
    <phoneticPr fontId="3"/>
  </si>
  <si>
    <t>東住吉区湯里一丁目１－６
１階</t>
    <rPh sb="0" eb="4">
      <t>ヒガシスミヨシク</t>
    </rPh>
    <rPh sb="4" eb="6">
      <t>ユザト</t>
    </rPh>
    <rPh sb="6" eb="9">
      <t>イッチョウメ</t>
    </rPh>
    <rPh sb="14" eb="15">
      <t>カイ</t>
    </rPh>
    <phoneticPr fontId="3"/>
  </si>
  <si>
    <t>0803321</t>
  </si>
  <si>
    <t>ドレミ薬局　東田辺店</t>
    <rPh sb="3" eb="5">
      <t>ヤッキョク</t>
    </rPh>
    <rPh sb="6" eb="7">
      <t>ヒガシ</t>
    </rPh>
    <rPh sb="7" eb="9">
      <t>タナベ</t>
    </rPh>
    <rPh sb="9" eb="10">
      <t>テン</t>
    </rPh>
    <phoneticPr fontId="3"/>
  </si>
  <si>
    <t>東住吉区駒川五丁目２－１２</t>
    <rPh sb="0" eb="4">
      <t>ヒガシスミヨシク</t>
    </rPh>
    <rPh sb="4" eb="6">
      <t>コマガワ</t>
    </rPh>
    <rPh sb="6" eb="9">
      <t>ゴチョウメ</t>
    </rPh>
    <phoneticPr fontId="3"/>
  </si>
  <si>
    <t>0803339</t>
  </si>
  <si>
    <t>アイビー薬局</t>
    <rPh sb="4" eb="6">
      <t>ヤッキョク</t>
    </rPh>
    <phoneticPr fontId="3"/>
  </si>
  <si>
    <t>東住吉区北田辺六丁目２－２４</t>
    <rPh sb="0" eb="4">
      <t>ヒガシスミヨシク</t>
    </rPh>
    <rPh sb="4" eb="7">
      <t>キタタナベ</t>
    </rPh>
    <rPh sb="7" eb="10">
      <t>ロクチョウメ</t>
    </rPh>
    <phoneticPr fontId="3"/>
  </si>
  <si>
    <t>0803347</t>
  </si>
  <si>
    <t>ニコニコ薬局</t>
    <rPh sb="4" eb="6">
      <t>ヤッキョク</t>
    </rPh>
    <phoneticPr fontId="3"/>
  </si>
  <si>
    <t>東住吉区湯里四丁目７－３０－１０１　
カーサファミーユ</t>
    <rPh sb="0" eb="4">
      <t>ヒガシスミヨシク</t>
    </rPh>
    <rPh sb="4" eb="6">
      <t>ユザト</t>
    </rPh>
    <rPh sb="6" eb="9">
      <t>ヨンチョウメ</t>
    </rPh>
    <phoneticPr fontId="3"/>
  </si>
  <si>
    <t>0803354</t>
  </si>
  <si>
    <t>ヤナイ保健薬局</t>
    <rPh sb="3" eb="5">
      <t>ホケン</t>
    </rPh>
    <rPh sb="5" eb="7">
      <t>ヤッキョク</t>
    </rPh>
    <phoneticPr fontId="3"/>
  </si>
  <si>
    <t>東住吉区住道矢田一丁目２５－７</t>
    <rPh sb="0" eb="4">
      <t>ヒガシスミヨシク</t>
    </rPh>
    <rPh sb="4" eb="8">
      <t>スンジヤタ</t>
    </rPh>
    <rPh sb="8" eb="11">
      <t>イッチョウメ</t>
    </rPh>
    <phoneticPr fontId="3"/>
  </si>
  <si>
    <t>平野区</t>
    <rPh sb="0" eb="3">
      <t>ヒラノク</t>
    </rPh>
    <phoneticPr fontId="3"/>
  </si>
  <si>
    <t>中山薬局</t>
    <rPh sb="0" eb="2">
      <t>ナカヤマ</t>
    </rPh>
    <rPh sb="2" eb="4">
      <t>ヤッキョク</t>
    </rPh>
    <phoneticPr fontId="3"/>
  </si>
  <si>
    <t>平野区長吉出戸一丁目１１－７８</t>
    <rPh sb="0" eb="3">
      <t>ヒラノク</t>
    </rPh>
    <rPh sb="3" eb="5">
      <t>ナガヨシ</t>
    </rPh>
    <rPh sb="5" eb="7">
      <t>デト</t>
    </rPh>
    <rPh sb="7" eb="10">
      <t>イッチョウメ</t>
    </rPh>
    <phoneticPr fontId="3"/>
  </si>
  <si>
    <t>平野区長吉長原一丁目４－９</t>
    <rPh sb="7" eb="10">
      <t>イッチョウメ</t>
    </rPh>
    <phoneticPr fontId="3"/>
  </si>
  <si>
    <t>平野区瓜破一丁目３－１６</t>
    <rPh sb="0" eb="3">
      <t>ヒラノク</t>
    </rPh>
    <rPh sb="3" eb="5">
      <t>ウリワリ</t>
    </rPh>
    <rPh sb="5" eb="8">
      <t>イッチョウメ</t>
    </rPh>
    <phoneticPr fontId="3"/>
  </si>
  <si>
    <t>みかさ薬局</t>
    <rPh sb="3" eb="5">
      <t>ヤッキョク</t>
    </rPh>
    <phoneticPr fontId="3"/>
  </si>
  <si>
    <t>平野区流町一丁目１－１</t>
    <rPh sb="0" eb="3">
      <t>ヒラノク</t>
    </rPh>
    <rPh sb="3" eb="5">
      <t>ナガレマチ</t>
    </rPh>
    <rPh sb="5" eb="8">
      <t>イッチョウメ</t>
    </rPh>
    <phoneticPr fontId="3"/>
  </si>
  <si>
    <t>関口薬局</t>
    <rPh sb="0" eb="2">
      <t>セキグチ</t>
    </rPh>
    <rPh sb="2" eb="4">
      <t>ヤッキョク</t>
    </rPh>
    <phoneticPr fontId="3"/>
  </si>
  <si>
    <t>平野区加美正覚寺二丁目１０－２６</t>
    <rPh sb="0" eb="3">
      <t>ヒラノク</t>
    </rPh>
    <rPh sb="3" eb="5">
      <t>カミ</t>
    </rPh>
    <rPh sb="5" eb="6">
      <t>セイ</t>
    </rPh>
    <rPh sb="6" eb="7">
      <t>カク</t>
    </rPh>
    <rPh sb="7" eb="8">
      <t>ジ</t>
    </rPh>
    <rPh sb="8" eb="11">
      <t>ニチョウメ</t>
    </rPh>
    <phoneticPr fontId="3"/>
  </si>
  <si>
    <t>サンセール薬局</t>
    <rPh sb="5" eb="7">
      <t>ヤッキョク</t>
    </rPh>
    <phoneticPr fontId="3"/>
  </si>
  <si>
    <t>平野区加美鞍作一丁目１－４１</t>
    <rPh sb="0" eb="3">
      <t>ヒラノク</t>
    </rPh>
    <rPh sb="3" eb="5">
      <t>カミ</t>
    </rPh>
    <rPh sb="5" eb="6">
      <t>クラ</t>
    </rPh>
    <rPh sb="6" eb="7">
      <t>サク</t>
    </rPh>
    <rPh sb="7" eb="10">
      <t>イッチョウメ</t>
    </rPh>
    <phoneticPr fontId="3"/>
  </si>
  <si>
    <t>フラワー薬局　コスモ店</t>
    <rPh sb="4" eb="6">
      <t>ヤッキョク</t>
    </rPh>
    <rPh sb="10" eb="11">
      <t>ミセ</t>
    </rPh>
    <phoneticPr fontId="3"/>
  </si>
  <si>
    <t>平野区平野本町一丁目１４－１２</t>
    <rPh sb="0" eb="3">
      <t>ヒラノク</t>
    </rPh>
    <rPh sb="3" eb="5">
      <t>ヒラノ</t>
    </rPh>
    <rPh sb="5" eb="7">
      <t>ホンマチ</t>
    </rPh>
    <rPh sb="7" eb="10">
      <t>イッチョウメ</t>
    </rPh>
    <phoneticPr fontId="3"/>
  </si>
  <si>
    <t>キョウエイ薬局</t>
    <rPh sb="5" eb="7">
      <t>ヤッキョク</t>
    </rPh>
    <phoneticPr fontId="3"/>
  </si>
  <si>
    <t>平野区長吉長原東三丁目２－３４－１０６</t>
    <rPh sb="0" eb="3">
      <t>ヒラノク</t>
    </rPh>
    <rPh sb="3" eb="8">
      <t>ナガヨシナガハラヒガシ</t>
    </rPh>
    <rPh sb="8" eb="11">
      <t>サンチョウメ</t>
    </rPh>
    <phoneticPr fontId="3"/>
  </si>
  <si>
    <t>加美薬局</t>
    <rPh sb="0" eb="2">
      <t>カミ</t>
    </rPh>
    <rPh sb="2" eb="4">
      <t>ヤッキョク</t>
    </rPh>
    <phoneticPr fontId="3"/>
  </si>
  <si>
    <t>平野区加美東二丁目３－４１</t>
    <rPh sb="0" eb="3">
      <t>ヒラノク</t>
    </rPh>
    <rPh sb="3" eb="6">
      <t>カミヒガシ</t>
    </rPh>
    <rPh sb="6" eb="9">
      <t>ニチョウメ</t>
    </rPh>
    <phoneticPr fontId="3"/>
  </si>
  <si>
    <t>ハザマ薬局　加美南店</t>
    <rPh sb="3" eb="5">
      <t>ヤッキョク</t>
    </rPh>
    <rPh sb="6" eb="8">
      <t>カミ</t>
    </rPh>
    <rPh sb="8" eb="9">
      <t>ミナミ</t>
    </rPh>
    <rPh sb="9" eb="10">
      <t>テン</t>
    </rPh>
    <phoneticPr fontId="3"/>
  </si>
  <si>
    <t>平野区加美南五丁目６－９</t>
    <rPh sb="0" eb="3">
      <t>ヒラノク</t>
    </rPh>
    <rPh sb="3" eb="5">
      <t>カミ</t>
    </rPh>
    <rPh sb="5" eb="6">
      <t>ミナミ</t>
    </rPh>
    <rPh sb="6" eb="9">
      <t>ゴチョウメ</t>
    </rPh>
    <phoneticPr fontId="3"/>
  </si>
  <si>
    <t>平野区平野宮町一丁目５－５－１８１　
メガロコープ５号館　１階</t>
    <rPh sb="0" eb="3">
      <t>ヒラノク</t>
    </rPh>
    <rPh sb="3" eb="4">
      <t>ヒラ</t>
    </rPh>
    <rPh sb="4" eb="5">
      <t>ノ</t>
    </rPh>
    <rPh sb="5" eb="6">
      <t>ミヤ</t>
    </rPh>
    <rPh sb="6" eb="7">
      <t>チョウ</t>
    </rPh>
    <rPh sb="7" eb="10">
      <t>イッチョウメ</t>
    </rPh>
    <rPh sb="26" eb="28">
      <t>ゴウカン</t>
    </rPh>
    <rPh sb="30" eb="31">
      <t>カイ</t>
    </rPh>
    <phoneticPr fontId="3"/>
  </si>
  <si>
    <t>あずま薬局</t>
    <rPh sb="3" eb="5">
      <t>ヤッキョク</t>
    </rPh>
    <phoneticPr fontId="3"/>
  </si>
  <si>
    <t>平野区長吉長原一丁目２－４３</t>
    <rPh sb="0" eb="3">
      <t>ヒラノク</t>
    </rPh>
    <rPh sb="3" eb="5">
      <t>ナガヨシ</t>
    </rPh>
    <rPh sb="5" eb="7">
      <t>ナガハラ</t>
    </rPh>
    <rPh sb="7" eb="10">
      <t>１チョウメ</t>
    </rPh>
    <phoneticPr fontId="3"/>
  </si>
  <si>
    <t>加美西薬局</t>
    <rPh sb="0" eb="3">
      <t>カミニシ</t>
    </rPh>
    <rPh sb="3" eb="5">
      <t>ヤッキョク</t>
    </rPh>
    <phoneticPr fontId="3"/>
  </si>
  <si>
    <t>平野区加美西二丁目３－１１　
タウンハイツ加美　１階</t>
    <rPh sb="0" eb="3">
      <t>ヒラノク</t>
    </rPh>
    <rPh sb="3" eb="6">
      <t>カミニシ</t>
    </rPh>
    <rPh sb="6" eb="9">
      <t>ニチョウメ</t>
    </rPh>
    <rPh sb="21" eb="23">
      <t>カミ</t>
    </rPh>
    <rPh sb="25" eb="26">
      <t>カイ</t>
    </rPh>
    <phoneticPr fontId="3"/>
  </si>
  <si>
    <t>平野区長吉出戸一丁目７－５</t>
    <rPh sb="0" eb="3">
      <t>ヒラノク</t>
    </rPh>
    <rPh sb="3" eb="7">
      <t>ナガヨシデト</t>
    </rPh>
    <rPh sb="7" eb="10">
      <t>イッチョウメ</t>
    </rPh>
    <phoneticPr fontId="3"/>
  </si>
  <si>
    <t>イルカ薬局</t>
    <rPh sb="3" eb="5">
      <t>ヤッキョク</t>
    </rPh>
    <phoneticPr fontId="3"/>
  </si>
  <si>
    <t>平野区瓜破西一丁目８－８４</t>
    <rPh sb="0" eb="3">
      <t>ヒラノク</t>
    </rPh>
    <rPh sb="3" eb="6">
      <t>ウリワリニシ</t>
    </rPh>
    <rPh sb="6" eb="9">
      <t>イッチョウメ</t>
    </rPh>
    <phoneticPr fontId="3"/>
  </si>
  <si>
    <t>加美ピーチ薬局</t>
    <rPh sb="0" eb="2">
      <t>カミ</t>
    </rPh>
    <rPh sb="5" eb="7">
      <t>ヤッキョク</t>
    </rPh>
    <phoneticPr fontId="3"/>
  </si>
  <si>
    <t>平野区加美鞍作三丁目１０－１９</t>
    <rPh sb="0" eb="3">
      <t>ヒラノク</t>
    </rPh>
    <rPh sb="3" eb="5">
      <t>カミ</t>
    </rPh>
    <rPh sb="5" eb="6">
      <t>クラ</t>
    </rPh>
    <rPh sb="6" eb="7">
      <t>サク</t>
    </rPh>
    <rPh sb="7" eb="10">
      <t>サンチョウメ</t>
    </rPh>
    <phoneticPr fontId="3"/>
  </si>
  <si>
    <t>平野区長吉長原東一丁目７－１６－１０５</t>
    <rPh sb="0" eb="3">
      <t>ヒラノク</t>
    </rPh>
    <rPh sb="3" eb="7">
      <t>ナガヨシナガハラ</t>
    </rPh>
    <rPh sb="7" eb="8">
      <t>ヒガシ</t>
    </rPh>
    <rPh sb="8" eb="11">
      <t>イッチョウメ</t>
    </rPh>
    <phoneticPr fontId="3"/>
  </si>
  <si>
    <t>のぞみ薬局　加美店</t>
    <rPh sb="3" eb="5">
      <t>ヤッキョク</t>
    </rPh>
    <rPh sb="6" eb="8">
      <t>カミ</t>
    </rPh>
    <rPh sb="8" eb="9">
      <t>テン</t>
    </rPh>
    <phoneticPr fontId="3"/>
  </si>
  <si>
    <t>平野区加美東四丁目１１－１５</t>
    <rPh sb="0" eb="3">
      <t>ヒラノク</t>
    </rPh>
    <rPh sb="3" eb="6">
      <t>カミヒガシ</t>
    </rPh>
    <rPh sb="6" eb="9">
      <t>ヨンチョウメ</t>
    </rPh>
    <phoneticPr fontId="3"/>
  </si>
  <si>
    <t>平野区平野南一丁目８－３０</t>
    <rPh sb="0" eb="3">
      <t>ヒラノク</t>
    </rPh>
    <rPh sb="3" eb="6">
      <t>ヒラノミナミ</t>
    </rPh>
    <rPh sb="6" eb="9">
      <t>イッチョウメ</t>
    </rPh>
    <phoneticPr fontId="3"/>
  </si>
  <si>
    <t>カスタニ薬局</t>
    <rPh sb="4" eb="6">
      <t>ヤッキョク</t>
    </rPh>
    <phoneticPr fontId="3"/>
  </si>
  <si>
    <t>平野区喜連五丁目８－３２</t>
    <rPh sb="0" eb="3">
      <t>ヒラノク</t>
    </rPh>
    <rPh sb="3" eb="5">
      <t>キレ</t>
    </rPh>
    <rPh sb="5" eb="8">
      <t>ゴチョウメ</t>
    </rPh>
    <phoneticPr fontId="3"/>
  </si>
  <si>
    <t>ふくろう薬局</t>
    <rPh sb="4" eb="6">
      <t>ヤッキョク</t>
    </rPh>
    <phoneticPr fontId="3"/>
  </si>
  <si>
    <t>平野区平野東一丁目２－１４</t>
    <rPh sb="0" eb="3">
      <t>ヒラノク</t>
    </rPh>
    <rPh sb="3" eb="6">
      <t>ヒラノヒガシ</t>
    </rPh>
    <rPh sb="6" eb="9">
      <t>イッチョウメ</t>
    </rPh>
    <phoneticPr fontId="3"/>
  </si>
  <si>
    <t>平野区長吉出戸七丁目１３－２７</t>
    <rPh sb="0" eb="3">
      <t>ヒラノク</t>
    </rPh>
    <rPh sb="3" eb="5">
      <t>ナガヨシ</t>
    </rPh>
    <rPh sb="5" eb="7">
      <t>デト</t>
    </rPh>
    <rPh sb="7" eb="10">
      <t>ナナチョウメ</t>
    </rPh>
    <phoneticPr fontId="3"/>
  </si>
  <si>
    <t>くるみ薬局　喜連瓜破店</t>
    <rPh sb="3" eb="5">
      <t>ヤッキョク</t>
    </rPh>
    <rPh sb="6" eb="10">
      <t>キレウリワリ</t>
    </rPh>
    <rPh sb="10" eb="11">
      <t>テン</t>
    </rPh>
    <phoneticPr fontId="3"/>
  </si>
  <si>
    <t>平野区瓜破二丁目１－１７　
ウィズビル　１００号</t>
    <rPh sb="0" eb="3">
      <t>ヒラノク</t>
    </rPh>
    <rPh sb="3" eb="5">
      <t>ウリワリ</t>
    </rPh>
    <rPh sb="5" eb="8">
      <t>ニチョウメ</t>
    </rPh>
    <rPh sb="23" eb="24">
      <t>ゴウ</t>
    </rPh>
    <phoneticPr fontId="3"/>
  </si>
  <si>
    <t>平野区平野北二丁目１４－６</t>
    <rPh sb="6" eb="9">
      <t>ニチョウメ</t>
    </rPh>
    <phoneticPr fontId="3"/>
  </si>
  <si>
    <t>セレブ薬局</t>
    <rPh sb="3" eb="5">
      <t>ヤッキョク</t>
    </rPh>
    <phoneticPr fontId="3"/>
  </si>
  <si>
    <t>平野区喜連西四丁目７－３３　
インペリアルカーサ　１階</t>
    <rPh sb="0" eb="3">
      <t>ヒラノク</t>
    </rPh>
    <rPh sb="3" eb="6">
      <t>キレニシ</t>
    </rPh>
    <rPh sb="6" eb="9">
      <t>ヨンチョウメ</t>
    </rPh>
    <rPh sb="26" eb="27">
      <t>カイ</t>
    </rPh>
    <phoneticPr fontId="3"/>
  </si>
  <si>
    <t>ヒラノ薬局</t>
    <rPh sb="3" eb="5">
      <t>ヤッキョク</t>
    </rPh>
    <phoneticPr fontId="3"/>
  </si>
  <si>
    <t>平野区長吉川辺一丁目１－８</t>
    <rPh sb="0" eb="3">
      <t>ヒラノク</t>
    </rPh>
    <rPh sb="3" eb="5">
      <t>ナガヨシ</t>
    </rPh>
    <rPh sb="5" eb="7">
      <t>カワベ</t>
    </rPh>
    <rPh sb="7" eb="10">
      <t>イッチョウメ</t>
    </rPh>
    <phoneticPr fontId="3"/>
  </si>
  <si>
    <t>平野区長吉長原四丁目１－３</t>
    <rPh sb="0" eb="3">
      <t>ヒラノク</t>
    </rPh>
    <rPh sb="3" eb="5">
      <t>ナガヨシ</t>
    </rPh>
    <rPh sb="5" eb="7">
      <t>ナガハラ</t>
    </rPh>
    <rPh sb="7" eb="8">
      <t>ヨン</t>
    </rPh>
    <rPh sb="8" eb="10">
      <t>チョウメ</t>
    </rPh>
    <phoneticPr fontId="3"/>
  </si>
  <si>
    <t>ハザマ薬局　平野センター店</t>
    <rPh sb="3" eb="5">
      <t>ヤッキョク</t>
    </rPh>
    <rPh sb="6" eb="8">
      <t>ヒラノ</t>
    </rPh>
    <rPh sb="12" eb="13">
      <t>テン</t>
    </rPh>
    <phoneticPr fontId="3"/>
  </si>
  <si>
    <t>平野区瓜破二丁目３－３８</t>
    <rPh sb="0" eb="3">
      <t>ヒラノク</t>
    </rPh>
    <rPh sb="3" eb="5">
      <t>ウリワリ</t>
    </rPh>
    <rPh sb="5" eb="8">
      <t>ニチョウメ</t>
    </rPh>
    <phoneticPr fontId="3"/>
  </si>
  <si>
    <t>スミレ薬局</t>
    <rPh sb="3" eb="5">
      <t>ヤッキョク</t>
    </rPh>
    <phoneticPr fontId="3"/>
  </si>
  <si>
    <t>平野区長吉六反三丁目４－２１</t>
    <rPh sb="0" eb="3">
      <t>ヒラノク</t>
    </rPh>
    <rPh sb="3" eb="5">
      <t>ナガヨシ</t>
    </rPh>
    <rPh sb="5" eb="7">
      <t>ロクタン</t>
    </rPh>
    <rPh sb="7" eb="10">
      <t>サンチョウメ</t>
    </rPh>
    <phoneticPr fontId="3"/>
  </si>
  <si>
    <t>平野共栄薬局</t>
    <rPh sb="0" eb="2">
      <t>ヒラノ</t>
    </rPh>
    <rPh sb="2" eb="4">
      <t>キョウエイ</t>
    </rPh>
    <rPh sb="4" eb="6">
      <t>ヤッキョク</t>
    </rPh>
    <phoneticPr fontId="3"/>
  </si>
  <si>
    <t>平野区平野東一丁目８－５</t>
    <rPh sb="0" eb="3">
      <t>ヒラノク</t>
    </rPh>
    <rPh sb="3" eb="6">
      <t>ヒラノヒガシ</t>
    </rPh>
    <rPh sb="6" eb="9">
      <t>イッチョウメ</t>
    </rPh>
    <phoneticPr fontId="3"/>
  </si>
  <si>
    <t>瓜破あさひ薬局</t>
    <rPh sb="0" eb="2">
      <t>ウリワリ</t>
    </rPh>
    <rPh sb="5" eb="7">
      <t>ヤッキョク</t>
    </rPh>
    <phoneticPr fontId="3"/>
  </si>
  <si>
    <t>平野区瓜破二丁目３－２　
ラピス平野　１０２号</t>
    <rPh sb="0" eb="3">
      <t>ヒラノク</t>
    </rPh>
    <rPh sb="3" eb="5">
      <t>ウリワリ</t>
    </rPh>
    <rPh sb="5" eb="6">
      <t>ニ</t>
    </rPh>
    <rPh sb="6" eb="8">
      <t>チョウメ</t>
    </rPh>
    <rPh sb="16" eb="18">
      <t>ヒラノ</t>
    </rPh>
    <rPh sb="22" eb="23">
      <t>ゴウ</t>
    </rPh>
    <phoneticPr fontId="3"/>
  </si>
  <si>
    <t>スギ薬局　出戸店</t>
    <rPh sb="2" eb="4">
      <t>ヤッキョク</t>
    </rPh>
    <rPh sb="5" eb="7">
      <t>デト</t>
    </rPh>
    <rPh sb="7" eb="8">
      <t>テン</t>
    </rPh>
    <phoneticPr fontId="3"/>
  </si>
  <si>
    <t>平野区長吉長原西一丁目３－２６</t>
    <rPh sb="0" eb="3">
      <t>ヒラノク</t>
    </rPh>
    <rPh sb="3" eb="7">
      <t>ナガヨシナガハラ</t>
    </rPh>
    <rPh sb="7" eb="8">
      <t>ニシ</t>
    </rPh>
    <rPh sb="8" eb="9">
      <t>イチ</t>
    </rPh>
    <rPh sb="9" eb="11">
      <t>チョウメ</t>
    </rPh>
    <phoneticPr fontId="3"/>
  </si>
  <si>
    <t>イオン薬局  喜連瓜破駅前店</t>
    <rPh sb="3" eb="5">
      <t>ヤッキョク</t>
    </rPh>
    <rPh sb="7" eb="11">
      <t>キレウリワリ</t>
    </rPh>
    <rPh sb="11" eb="13">
      <t>エキマエ</t>
    </rPh>
    <rPh sb="13" eb="14">
      <t>テン</t>
    </rPh>
    <phoneticPr fontId="3"/>
  </si>
  <si>
    <t>平野区瓜破二丁目１－１３</t>
    <rPh sb="0" eb="3">
      <t>ヒラノク</t>
    </rPh>
    <rPh sb="3" eb="5">
      <t>ウリワリ</t>
    </rPh>
    <rPh sb="5" eb="6">
      <t>2</t>
    </rPh>
    <rPh sb="6" eb="8">
      <t>チョウメ</t>
    </rPh>
    <phoneticPr fontId="3"/>
  </si>
  <si>
    <t>スギ薬局　瓜破店</t>
    <rPh sb="2" eb="4">
      <t>ヤッキョク</t>
    </rPh>
    <rPh sb="5" eb="7">
      <t>ウリワリ</t>
    </rPh>
    <rPh sb="7" eb="8">
      <t>テン</t>
    </rPh>
    <phoneticPr fontId="3"/>
  </si>
  <si>
    <t>平野区瓜破一丁目６－１１</t>
    <rPh sb="0" eb="3">
      <t>ヒラノク</t>
    </rPh>
    <rPh sb="3" eb="5">
      <t>ウリワリ</t>
    </rPh>
    <rPh sb="5" eb="6">
      <t>イチ</t>
    </rPh>
    <rPh sb="6" eb="8">
      <t>チョウメ</t>
    </rPh>
    <phoneticPr fontId="3"/>
  </si>
  <si>
    <t>のぞみ薬局　長吉店</t>
    <rPh sb="3" eb="5">
      <t>ヤッキョク</t>
    </rPh>
    <rPh sb="6" eb="8">
      <t>ナガヨシ</t>
    </rPh>
    <rPh sb="8" eb="9">
      <t>テン</t>
    </rPh>
    <phoneticPr fontId="3"/>
  </si>
  <si>
    <t>平野区長吉六反二丁目６－３３</t>
    <rPh sb="0" eb="3">
      <t>ヒラノク</t>
    </rPh>
    <rPh sb="3" eb="5">
      <t>ナガヨシ</t>
    </rPh>
    <rPh sb="5" eb="7">
      <t>ロクタン</t>
    </rPh>
    <rPh sb="7" eb="8">
      <t>2</t>
    </rPh>
    <rPh sb="8" eb="10">
      <t>チョウメ</t>
    </rPh>
    <phoneticPr fontId="3"/>
  </si>
  <si>
    <t>平野区背戸口一丁目２１－２１　
メゾン平野　１階</t>
    <rPh sb="0" eb="3">
      <t>ヒラノク</t>
    </rPh>
    <rPh sb="3" eb="6">
      <t>セトグチ</t>
    </rPh>
    <rPh sb="6" eb="9">
      <t>イッチョウメ</t>
    </rPh>
    <rPh sb="19" eb="21">
      <t>ヒラノ</t>
    </rPh>
    <rPh sb="23" eb="24">
      <t>カイ</t>
    </rPh>
    <phoneticPr fontId="3"/>
  </si>
  <si>
    <t>フレンド薬局</t>
    <rPh sb="4" eb="6">
      <t>ヤッキョク</t>
    </rPh>
    <phoneticPr fontId="3"/>
  </si>
  <si>
    <t>平野区流町一丁目１－６</t>
    <rPh sb="0" eb="3">
      <t>ヒラノク</t>
    </rPh>
    <rPh sb="3" eb="5">
      <t>ナガレマチ</t>
    </rPh>
    <rPh sb="5" eb="6">
      <t>1</t>
    </rPh>
    <rPh sb="6" eb="8">
      <t>チョウメ</t>
    </rPh>
    <phoneticPr fontId="3"/>
  </si>
  <si>
    <t>十全薬局</t>
    <rPh sb="0" eb="1">
      <t>ジュウ</t>
    </rPh>
    <rPh sb="1" eb="2">
      <t>ゼン</t>
    </rPh>
    <rPh sb="2" eb="4">
      <t>ヤッキョク</t>
    </rPh>
    <phoneticPr fontId="3"/>
  </si>
  <si>
    <t>平野区平野元町１０－２３－１０３</t>
    <rPh sb="0" eb="3">
      <t>ヒラノク</t>
    </rPh>
    <rPh sb="3" eb="5">
      <t>ヒラノ</t>
    </rPh>
    <rPh sb="5" eb="7">
      <t>モトマチ</t>
    </rPh>
    <phoneticPr fontId="3"/>
  </si>
  <si>
    <t>平野区長吉長原二丁目２－６７</t>
    <rPh sb="0" eb="3">
      <t>ヒラノク</t>
    </rPh>
    <rPh sb="3" eb="5">
      <t>ナガヨシ</t>
    </rPh>
    <rPh sb="5" eb="7">
      <t>ナガハラ</t>
    </rPh>
    <rPh sb="7" eb="10">
      <t>2チョウメ</t>
    </rPh>
    <phoneticPr fontId="3"/>
  </si>
  <si>
    <t>なごみ薬局</t>
    <rPh sb="3" eb="5">
      <t>ヤッキョク</t>
    </rPh>
    <phoneticPr fontId="3"/>
  </si>
  <si>
    <t>平野区平野北一丁目９－８</t>
    <rPh sb="0" eb="3">
      <t>ヒラノク</t>
    </rPh>
    <rPh sb="3" eb="5">
      <t>ヒラノ</t>
    </rPh>
    <rPh sb="5" eb="6">
      <t>キタ</t>
    </rPh>
    <rPh sb="6" eb="9">
      <t>１チョウメ</t>
    </rPh>
    <phoneticPr fontId="3"/>
  </si>
  <si>
    <t>さくら薬局　大阪背戸口店</t>
    <rPh sb="6" eb="8">
      <t>オオサカ</t>
    </rPh>
    <rPh sb="8" eb="11">
      <t>セトグチ</t>
    </rPh>
    <rPh sb="11" eb="12">
      <t>テン</t>
    </rPh>
    <phoneticPr fontId="3"/>
  </si>
  <si>
    <t>平野区背戸口三丁目９－３０</t>
    <rPh sb="0" eb="3">
      <t>ヒラノク</t>
    </rPh>
    <rPh sb="3" eb="6">
      <t>セトグチ</t>
    </rPh>
    <rPh sb="6" eb="9">
      <t>3チョウメ</t>
    </rPh>
    <phoneticPr fontId="3"/>
  </si>
  <si>
    <t>ひかり薬局　平野駅前店</t>
    <rPh sb="3" eb="5">
      <t>ヤッキョク</t>
    </rPh>
    <rPh sb="6" eb="8">
      <t>ヒラノ</t>
    </rPh>
    <rPh sb="8" eb="10">
      <t>エキマエ</t>
    </rPh>
    <rPh sb="10" eb="11">
      <t>テン</t>
    </rPh>
    <phoneticPr fontId="3"/>
  </si>
  <si>
    <t>平野区平野元町１０－３３</t>
    <rPh sb="0" eb="3">
      <t>ヒラノク</t>
    </rPh>
    <rPh sb="3" eb="5">
      <t>ヒラノ</t>
    </rPh>
    <rPh sb="5" eb="7">
      <t>モトマチ</t>
    </rPh>
    <phoneticPr fontId="3"/>
  </si>
  <si>
    <t>笑顔薬局</t>
    <rPh sb="0" eb="2">
      <t>エガオ</t>
    </rPh>
    <rPh sb="2" eb="4">
      <t>ヤッキョク</t>
    </rPh>
    <phoneticPr fontId="3"/>
  </si>
  <si>
    <t>平野区背戸口五丁目３－３</t>
    <rPh sb="0" eb="3">
      <t>ヒラノク</t>
    </rPh>
    <rPh sb="3" eb="6">
      <t>セトグチ</t>
    </rPh>
    <rPh sb="6" eb="9">
      <t>ゴチョウメ</t>
    </rPh>
    <phoneticPr fontId="3"/>
  </si>
  <si>
    <t>ＭＹＭ薬局</t>
    <rPh sb="3" eb="5">
      <t>ヤッキョク</t>
    </rPh>
    <phoneticPr fontId="3"/>
  </si>
  <si>
    <t>平野区喜連東一丁目７ー２１</t>
    <rPh sb="0" eb="3">
      <t>ヒラノク</t>
    </rPh>
    <rPh sb="3" eb="6">
      <t>キレヒガシ</t>
    </rPh>
    <rPh sb="6" eb="9">
      <t>イッチョウメ</t>
    </rPh>
    <phoneticPr fontId="3"/>
  </si>
  <si>
    <t>アクア薬局</t>
    <rPh sb="3" eb="5">
      <t>ヤッキョク</t>
    </rPh>
    <phoneticPr fontId="3"/>
  </si>
  <si>
    <t>平野区長吉出戸四丁目１－１</t>
    <rPh sb="0" eb="3">
      <t>ヒラノク</t>
    </rPh>
    <rPh sb="5" eb="7">
      <t>デト</t>
    </rPh>
    <rPh sb="7" eb="10">
      <t>ヨンチョウメ</t>
    </rPh>
    <phoneticPr fontId="3"/>
  </si>
  <si>
    <t>スギ薬局　喜連西店</t>
    <rPh sb="2" eb="4">
      <t>ヤッキョク</t>
    </rPh>
    <rPh sb="5" eb="8">
      <t>キレニシ</t>
    </rPh>
    <rPh sb="8" eb="9">
      <t>テン</t>
    </rPh>
    <phoneticPr fontId="3"/>
  </si>
  <si>
    <t>平野区喜連西二丁目１１－３７</t>
    <rPh sb="0" eb="3">
      <t>ヒラノク</t>
    </rPh>
    <rPh sb="3" eb="6">
      <t>キレニシ</t>
    </rPh>
    <rPh sb="6" eb="9">
      <t>ニチョウメ</t>
    </rPh>
    <phoneticPr fontId="3"/>
  </si>
  <si>
    <t>オレンジ薬局　長吉出戸店</t>
    <rPh sb="4" eb="6">
      <t>ヤッキョク</t>
    </rPh>
    <rPh sb="7" eb="9">
      <t>ナガヨシ</t>
    </rPh>
    <rPh sb="9" eb="11">
      <t>デト</t>
    </rPh>
    <rPh sb="11" eb="12">
      <t>ミセ</t>
    </rPh>
    <phoneticPr fontId="3"/>
  </si>
  <si>
    <t>平野区長吉出戸五丁目３－６９－１０２　
センチュリーハイツ出戸</t>
    <rPh sb="0" eb="3">
      <t>ヒラノク</t>
    </rPh>
    <rPh sb="3" eb="5">
      <t>ナガヨシ</t>
    </rPh>
    <rPh sb="5" eb="7">
      <t>デト</t>
    </rPh>
    <rPh sb="7" eb="10">
      <t>ゴチョウメ</t>
    </rPh>
    <rPh sb="29" eb="31">
      <t>デト</t>
    </rPh>
    <phoneticPr fontId="3"/>
  </si>
  <si>
    <t>近畿調剤平野本町薬局</t>
    <rPh sb="0" eb="2">
      <t>キンキ</t>
    </rPh>
    <rPh sb="2" eb="4">
      <t>チョウザイ</t>
    </rPh>
    <rPh sb="4" eb="6">
      <t>ヒラノ</t>
    </rPh>
    <rPh sb="6" eb="8">
      <t>ホンマチ</t>
    </rPh>
    <rPh sb="8" eb="10">
      <t>ヤッキョク</t>
    </rPh>
    <phoneticPr fontId="3"/>
  </si>
  <si>
    <t>平野区平野本町一丁目５－２　
１階</t>
    <rPh sb="0" eb="3">
      <t>ヒラノク</t>
    </rPh>
    <rPh sb="3" eb="5">
      <t>ヒラノ</t>
    </rPh>
    <rPh sb="5" eb="7">
      <t>ホンマチ</t>
    </rPh>
    <rPh sb="7" eb="10">
      <t>１チョウメ</t>
    </rPh>
    <rPh sb="16" eb="17">
      <t>カイ</t>
    </rPh>
    <phoneticPr fontId="3"/>
  </si>
  <si>
    <t>流町薬局</t>
    <rPh sb="0" eb="2">
      <t>ナガレマチ</t>
    </rPh>
    <rPh sb="2" eb="4">
      <t>ヤッキョク</t>
    </rPh>
    <phoneticPr fontId="3"/>
  </si>
  <si>
    <t>平野区流町四丁目１１－５－１０３　
インペリアルシャトー</t>
    <rPh sb="0" eb="3">
      <t>ヒラノク</t>
    </rPh>
    <rPh sb="3" eb="5">
      <t>ナガレマチ</t>
    </rPh>
    <rPh sb="5" eb="8">
      <t>ヨンチョウメ</t>
    </rPh>
    <phoneticPr fontId="3"/>
  </si>
  <si>
    <t>平野区長吉長原一丁目１－４８</t>
    <rPh sb="0" eb="3">
      <t>ヒラノク</t>
    </rPh>
    <rPh sb="3" eb="5">
      <t>ナガヨシ</t>
    </rPh>
    <rPh sb="5" eb="7">
      <t>ナガハラ</t>
    </rPh>
    <rPh sb="7" eb="10">
      <t>イチチョウメ</t>
    </rPh>
    <phoneticPr fontId="3"/>
  </si>
  <si>
    <t>イヌイ薬局</t>
    <rPh sb="3" eb="5">
      <t>ヤッキョク</t>
    </rPh>
    <phoneticPr fontId="3"/>
  </si>
  <si>
    <t>ラビット平野薬局</t>
    <rPh sb="4" eb="6">
      <t>ヒラノ</t>
    </rPh>
    <rPh sb="6" eb="8">
      <t>ヤッキョク</t>
    </rPh>
    <phoneticPr fontId="3"/>
  </si>
  <si>
    <t>さくら薬局　大阪瓜破西店</t>
    <rPh sb="6" eb="8">
      <t>オオサカ</t>
    </rPh>
    <rPh sb="8" eb="10">
      <t>ウリワリ</t>
    </rPh>
    <rPh sb="10" eb="11">
      <t>ニシ</t>
    </rPh>
    <phoneticPr fontId="3"/>
  </si>
  <si>
    <t>平野区瓜破西二丁目７－４９－１０８</t>
    <rPh sb="0" eb="3">
      <t>ヒラノク</t>
    </rPh>
    <rPh sb="3" eb="5">
      <t>ウリワリ</t>
    </rPh>
    <rPh sb="5" eb="6">
      <t>ニシ</t>
    </rPh>
    <rPh sb="6" eb="9">
      <t>２チョウメ</t>
    </rPh>
    <phoneticPr fontId="3"/>
  </si>
  <si>
    <t>さくら薬局　大阪長吉出戸店</t>
    <rPh sb="3" eb="5">
      <t>ヤッキョク</t>
    </rPh>
    <rPh sb="6" eb="8">
      <t>オオサカ</t>
    </rPh>
    <rPh sb="8" eb="12">
      <t>ナガヨシデト</t>
    </rPh>
    <rPh sb="12" eb="13">
      <t>ミセ</t>
    </rPh>
    <phoneticPr fontId="3"/>
  </si>
  <si>
    <t>平野区長吉出戸二丁目４－１４</t>
    <rPh sb="0" eb="3">
      <t>ヒラノク</t>
    </rPh>
    <rPh sb="3" eb="5">
      <t>ナガヨシ</t>
    </rPh>
    <rPh sb="5" eb="7">
      <t>デト</t>
    </rPh>
    <rPh sb="7" eb="10">
      <t>２チョウメ</t>
    </rPh>
    <phoneticPr fontId="3"/>
  </si>
  <si>
    <t>さくら薬局　大阪長原東店</t>
    <rPh sb="3" eb="5">
      <t>ヤッキョク</t>
    </rPh>
    <rPh sb="6" eb="8">
      <t>オオサカ</t>
    </rPh>
    <rPh sb="8" eb="10">
      <t>ナガハラ</t>
    </rPh>
    <rPh sb="10" eb="11">
      <t>ヒガシ</t>
    </rPh>
    <rPh sb="11" eb="12">
      <t>ミセ</t>
    </rPh>
    <phoneticPr fontId="3"/>
  </si>
  <si>
    <t>平野区長吉長原東三丁目２－５－１０３</t>
    <rPh sb="0" eb="3">
      <t>ヒラノク</t>
    </rPh>
    <rPh sb="3" eb="5">
      <t>ナガヨシ</t>
    </rPh>
    <rPh sb="5" eb="7">
      <t>ナガハラ</t>
    </rPh>
    <rPh sb="7" eb="8">
      <t>ヒガシ</t>
    </rPh>
    <rPh sb="8" eb="11">
      <t>３チョウメ</t>
    </rPh>
    <phoneticPr fontId="3"/>
  </si>
  <si>
    <t>たけは薬局</t>
    <rPh sb="3" eb="5">
      <t>ヤッキョク</t>
    </rPh>
    <phoneticPr fontId="3"/>
  </si>
  <si>
    <t>平野区加美東一丁目９－１８　
１階</t>
    <rPh sb="0" eb="3">
      <t>ヒラノク</t>
    </rPh>
    <rPh sb="3" eb="5">
      <t>カミ</t>
    </rPh>
    <rPh sb="5" eb="6">
      <t>ヒガシ</t>
    </rPh>
    <rPh sb="6" eb="9">
      <t>１チョウメ</t>
    </rPh>
    <rPh sb="16" eb="17">
      <t>カイ</t>
    </rPh>
    <phoneticPr fontId="3"/>
  </si>
  <si>
    <t>平野区平野元町２－３　
１階</t>
    <rPh sb="0" eb="3">
      <t>ヒラノク</t>
    </rPh>
    <rPh sb="3" eb="5">
      <t>ヒラノ</t>
    </rPh>
    <rPh sb="5" eb="7">
      <t>モトマチ</t>
    </rPh>
    <rPh sb="13" eb="14">
      <t>カイ</t>
    </rPh>
    <phoneticPr fontId="3"/>
  </si>
  <si>
    <t>あんしん薬局</t>
    <rPh sb="4" eb="6">
      <t>ヤッキョク</t>
    </rPh>
    <phoneticPr fontId="3"/>
  </si>
  <si>
    <t>あおぞら薬局　平野店</t>
    <rPh sb="4" eb="6">
      <t>ヤッキョク</t>
    </rPh>
    <rPh sb="7" eb="9">
      <t>ヒラノ</t>
    </rPh>
    <rPh sb="9" eb="10">
      <t>テン</t>
    </rPh>
    <phoneticPr fontId="3"/>
  </si>
  <si>
    <t>平野区長吉川辺三丁目２－４０　
１階</t>
    <rPh sb="0" eb="3">
      <t>ヒラノク</t>
    </rPh>
    <rPh sb="3" eb="5">
      <t>ナガヨシ</t>
    </rPh>
    <rPh sb="5" eb="7">
      <t>カワベ</t>
    </rPh>
    <rPh sb="7" eb="10">
      <t>３チョウメ</t>
    </rPh>
    <rPh sb="17" eb="18">
      <t>カイ</t>
    </rPh>
    <phoneticPr fontId="3"/>
  </si>
  <si>
    <t>平野区瓜破二丁目１－６　
メゾンアコーレ　１０３号</t>
    <rPh sb="0" eb="3">
      <t>ヒラノク</t>
    </rPh>
    <rPh sb="3" eb="5">
      <t>ウリワリ</t>
    </rPh>
    <rPh sb="5" eb="8">
      <t>２チョウメ</t>
    </rPh>
    <rPh sb="24" eb="25">
      <t>ゴウ</t>
    </rPh>
    <phoneticPr fontId="3"/>
  </si>
  <si>
    <t>マルイシ薬局　瓜破店</t>
    <rPh sb="4" eb="6">
      <t>ヤッキョク</t>
    </rPh>
    <rPh sb="7" eb="9">
      <t>ウリワリ</t>
    </rPh>
    <rPh sb="9" eb="10">
      <t>テン</t>
    </rPh>
    <phoneticPr fontId="3"/>
  </si>
  <si>
    <t>平野区瓜破一丁目３－１５</t>
    <rPh sb="0" eb="3">
      <t>ヒラノク</t>
    </rPh>
    <rPh sb="3" eb="5">
      <t>ウリワリ</t>
    </rPh>
    <rPh sb="5" eb="8">
      <t>１チョウメ</t>
    </rPh>
    <phoneticPr fontId="3"/>
  </si>
  <si>
    <t>らいふ薬局　平野店</t>
    <rPh sb="3" eb="5">
      <t>ヤッキョク</t>
    </rPh>
    <rPh sb="6" eb="8">
      <t>ヒラノ</t>
    </rPh>
    <rPh sb="8" eb="9">
      <t>ミセ</t>
    </rPh>
    <phoneticPr fontId="3"/>
  </si>
  <si>
    <t>平野区平野西一丁目２－１　
レオネクストアメニティ　１階</t>
    <rPh sb="0" eb="3">
      <t>ヒラノク</t>
    </rPh>
    <rPh sb="3" eb="6">
      <t>ヒラノニシ</t>
    </rPh>
    <rPh sb="6" eb="9">
      <t>イッチョウメ</t>
    </rPh>
    <rPh sb="27" eb="28">
      <t>カイ</t>
    </rPh>
    <phoneticPr fontId="3"/>
  </si>
  <si>
    <t>アイン薬局　平野加美店</t>
    <rPh sb="3" eb="5">
      <t>ヤッキョク</t>
    </rPh>
    <rPh sb="6" eb="8">
      <t>ヒラノ</t>
    </rPh>
    <rPh sb="8" eb="10">
      <t>カミ</t>
    </rPh>
    <rPh sb="10" eb="11">
      <t>テン</t>
    </rPh>
    <phoneticPr fontId="3"/>
  </si>
  <si>
    <t>平野区加美東一丁目１３－４３－１０１</t>
    <rPh sb="0" eb="3">
      <t>ヒラノク</t>
    </rPh>
    <rPh sb="3" eb="6">
      <t>カミヒガシ</t>
    </rPh>
    <rPh sb="6" eb="9">
      <t>イッチョウメ</t>
    </rPh>
    <phoneticPr fontId="3"/>
  </si>
  <si>
    <t>スギ薬局　加美北店</t>
    <rPh sb="5" eb="7">
      <t>カミ</t>
    </rPh>
    <rPh sb="7" eb="8">
      <t>キタ</t>
    </rPh>
    <rPh sb="8" eb="9">
      <t>ミセ</t>
    </rPh>
    <phoneticPr fontId="3"/>
  </si>
  <si>
    <t>平野区加美北八丁目２２－５１</t>
    <rPh sb="0" eb="3">
      <t>ヒラノク</t>
    </rPh>
    <rPh sb="3" eb="6">
      <t>カミキタ</t>
    </rPh>
    <rPh sb="6" eb="9">
      <t>ハチチョウメ</t>
    </rPh>
    <phoneticPr fontId="3"/>
  </si>
  <si>
    <t>喜連薬局</t>
    <rPh sb="0" eb="2">
      <t>キレ</t>
    </rPh>
    <rPh sb="2" eb="4">
      <t>ヤ</t>
    </rPh>
    <phoneticPr fontId="3"/>
  </si>
  <si>
    <t>平野区喜連二丁目７－３１　
アーバンルネッサンスⅡ　１階</t>
    <rPh sb="0" eb="3">
      <t>ヒラノク</t>
    </rPh>
    <rPh sb="3" eb="5">
      <t>キレ</t>
    </rPh>
    <rPh sb="5" eb="8">
      <t>ニチョウメ</t>
    </rPh>
    <rPh sb="27" eb="28">
      <t>カイ</t>
    </rPh>
    <phoneticPr fontId="3"/>
  </si>
  <si>
    <t>平野区平野南三丁目４－５　
ピノシャトレ　１階</t>
    <rPh sb="0" eb="3">
      <t>ヒラノク</t>
    </rPh>
    <rPh sb="3" eb="6">
      <t>ヒラノミナミ</t>
    </rPh>
    <rPh sb="6" eb="9">
      <t>サンチョウメ</t>
    </rPh>
    <rPh sb="22" eb="23">
      <t>カイ</t>
    </rPh>
    <phoneticPr fontId="3"/>
  </si>
  <si>
    <t>スギ薬局　加美中店</t>
    <rPh sb="5" eb="7">
      <t>カミ</t>
    </rPh>
    <rPh sb="7" eb="8">
      <t>ナカ</t>
    </rPh>
    <rPh sb="8" eb="9">
      <t>ミセ</t>
    </rPh>
    <phoneticPr fontId="3"/>
  </si>
  <si>
    <t>平野区加美鞍作一丁目１０－３７</t>
    <rPh sb="0" eb="3">
      <t>ヒラノク</t>
    </rPh>
    <rPh sb="3" eb="7">
      <t>カミクラツクリ</t>
    </rPh>
    <rPh sb="7" eb="10">
      <t>イッチョウメ</t>
    </rPh>
    <phoneticPr fontId="3"/>
  </si>
  <si>
    <t>5803912</t>
  </si>
  <si>
    <t>きずな薬局　平野店</t>
    <rPh sb="3" eb="5">
      <t>ヤッキョク</t>
    </rPh>
    <rPh sb="6" eb="8">
      <t>ヒラノ</t>
    </rPh>
    <rPh sb="8" eb="9">
      <t>テン</t>
    </rPh>
    <phoneticPr fontId="3"/>
  </si>
  <si>
    <t>平野区平野西五丁目９－７　
レクシア平野　１階</t>
    <rPh sb="0" eb="3">
      <t>ヒラノク</t>
    </rPh>
    <rPh sb="3" eb="6">
      <t>ヒラノニシ</t>
    </rPh>
    <rPh sb="6" eb="9">
      <t>ゴチョウメ</t>
    </rPh>
    <rPh sb="18" eb="20">
      <t>ヒラノ</t>
    </rPh>
    <rPh sb="22" eb="23">
      <t>カイ</t>
    </rPh>
    <phoneticPr fontId="3"/>
  </si>
  <si>
    <t>平野区</t>
    <rPh sb="2" eb="3">
      <t>ク</t>
    </rPh>
    <phoneticPr fontId="3"/>
  </si>
  <si>
    <t>5803938</t>
  </si>
  <si>
    <t>ニューロン薬局　喜連店</t>
    <rPh sb="5" eb="7">
      <t>ヤッキョク</t>
    </rPh>
    <rPh sb="8" eb="10">
      <t>キレ</t>
    </rPh>
    <rPh sb="10" eb="11">
      <t>テン</t>
    </rPh>
    <phoneticPr fontId="3"/>
  </si>
  <si>
    <t>平野区喜連四丁目８－６８</t>
    <rPh sb="0" eb="3">
      <t>ヒラノク</t>
    </rPh>
    <rPh sb="3" eb="5">
      <t>キレ</t>
    </rPh>
    <rPh sb="5" eb="8">
      <t>ヨンチョウメ</t>
    </rPh>
    <phoneticPr fontId="3"/>
  </si>
  <si>
    <t>5803953</t>
  </si>
  <si>
    <t>花美月薬局</t>
    <rPh sb="0" eb="1">
      <t>ハナ</t>
    </rPh>
    <rPh sb="1" eb="2">
      <t>ビ</t>
    </rPh>
    <rPh sb="2" eb="3">
      <t>ツキ</t>
    </rPh>
    <rPh sb="3" eb="5">
      <t>ヤッキョク</t>
    </rPh>
    <phoneticPr fontId="3"/>
  </si>
  <si>
    <t>平野区喜連東一丁目７－２１－１０１　
ラオーブⅢ</t>
    <rPh sb="0" eb="3">
      <t>ヒラノク</t>
    </rPh>
    <rPh sb="3" eb="6">
      <t>キレヒガシ</t>
    </rPh>
    <rPh sb="6" eb="9">
      <t>イッチョウメ</t>
    </rPh>
    <phoneticPr fontId="3"/>
  </si>
  <si>
    <t>5803987</t>
  </si>
  <si>
    <t>イオン薬局　長吉店</t>
    <rPh sb="3" eb="5">
      <t>ヤッキョク</t>
    </rPh>
    <rPh sb="6" eb="8">
      <t>ナガヨシ</t>
    </rPh>
    <rPh sb="8" eb="9">
      <t>テン</t>
    </rPh>
    <phoneticPr fontId="3"/>
  </si>
  <si>
    <t>平野区長吉長原西一丁目１－１０　
イオン長吉店　１階</t>
    <rPh sb="0" eb="3">
      <t>ヒラノク</t>
    </rPh>
    <rPh sb="3" eb="7">
      <t>ナガヨシナガハラ</t>
    </rPh>
    <rPh sb="7" eb="8">
      <t>ニシ</t>
    </rPh>
    <rPh sb="8" eb="9">
      <t>イッ</t>
    </rPh>
    <rPh sb="9" eb="11">
      <t>チョウメ</t>
    </rPh>
    <rPh sb="20" eb="22">
      <t>ナガヨシ</t>
    </rPh>
    <rPh sb="22" eb="23">
      <t>テン</t>
    </rPh>
    <rPh sb="25" eb="26">
      <t>カイ</t>
    </rPh>
    <phoneticPr fontId="3"/>
  </si>
  <si>
    <t>5804001</t>
  </si>
  <si>
    <t>ながよしグリーン薬局</t>
    <rPh sb="8" eb="10">
      <t>ヤッキョク</t>
    </rPh>
    <phoneticPr fontId="3"/>
  </si>
  <si>
    <t>平野区長吉出戸七丁目１４－２０　
１階</t>
    <rPh sb="0" eb="3">
      <t>ヒラノク</t>
    </rPh>
    <rPh sb="3" eb="7">
      <t>ナガヨシデト</t>
    </rPh>
    <rPh sb="7" eb="10">
      <t>ナナチョウメ</t>
    </rPh>
    <rPh sb="18" eb="19">
      <t>カイ</t>
    </rPh>
    <phoneticPr fontId="3"/>
  </si>
  <si>
    <t>5804019</t>
  </si>
  <si>
    <t>ハローあゆ夢薬局</t>
    <rPh sb="5" eb="6">
      <t>ユメ</t>
    </rPh>
    <rPh sb="6" eb="8">
      <t>ヤッキョク</t>
    </rPh>
    <phoneticPr fontId="3"/>
  </si>
  <si>
    <t>平野区瓜破二丁目１－１６</t>
    <rPh sb="0" eb="3">
      <t>ヒラノク</t>
    </rPh>
    <rPh sb="3" eb="5">
      <t>ウリワリ</t>
    </rPh>
    <rPh sb="5" eb="8">
      <t>ニチョウメ</t>
    </rPh>
    <phoneticPr fontId="3"/>
  </si>
  <si>
    <t>西成区</t>
    <rPh sb="0" eb="3">
      <t>ニシナリク</t>
    </rPh>
    <phoneticPr fontId="3"/>
  </si>
  <si>
    <t>楠本薬局</t>
    <rPh sb="0" eb="2">
      <t>クスモト</t>
    </rPh>
    <rPh sb="2" eb="4">
      <t>ヤッキョク</t>
    </rPh>
    <phoneticPr fontId="3"/>
  </si>
  <si>
    <t>西成区鶴見橋一丁目１７－１９</t>
    <rPh sb="0" eb="3">
      <t>ニシナリク</t>
    </rPh>
    <rPh sb="3" eb="5">
      <t>ツルミ</t>
    </rPh>
    <rPh sb="5" eb="6">
      <t>バシ</t>
    </rPh>
    <rPh sb="6" eb="9">
      <t>イッチョウメ</t>
    </rPh>
    <phoneticPr fontId="3"/>
  </si>
  <si>
    <t>浅川薬局</t>
    <rPh sb="0" eb="2">
      <t>アサカワ</t>
    </rPh>
    <rPh sb="2" eb="4">
      <t>ヤッキョク</t>
    </rPh>
    <phoneticPr fontId="3"/>
  </si>
  <si>
    <t>西成区鶴見橋三丁目２－２６</t>
    <rPh sb="0" eb="3">
      <t>ニシナリク</t>
    </rPh>
    <rPh sb="3" eb="5">
      <t>ツルミ</t>
    </rPh>
    <rPh sb="5" eb="6">
      <t>バシ</t>
    </rPh>
    <rPh sb="6" eb="9">
      <t>サンチョウメ</t>
    </rPh>
    <phoneticPr fontId="3"/>
  </si>
  <si>
    <t>カニタ薬局</t>
    <rPh sb="3" eb="5">
      <t>ヤッキョク</t>
    </rPh>
    <phoneticPr fontId="3"/>
  </si>
  <si>
    <t>西成区花園北二丁目８－７</t>
    <rPh sb="0" eb="3">
      <t>ニシナリク</t>
    </rPh>
    <rPh sb="3" eb="6">
      <t>ハナゾノキタ</t>
    </rPh>
    <rPh sb="6" eb="9">
      <t>ニチョウメ</t>
    </rPh>
    <phoneticPr fontId="3"/>
  </si>
  <si>
    <t>啓明堂薬局</t>
    <rPh sb="0" eb="1">
      <t>ケイ</t>
    </rPh>
    <rPh sb="1" eb="2">
      <t>メイ</t>
    </rPh>
    <rPh sb="2" eb="3">
      <t>ドウ</t>
    </rPh>
    <rPh sb="3" eb="5">
      <t>ヤッキョク</t>
    </rPh>
    <phoneticPr fontId="3"/>
  </si>
  <si>
    <t>西成区橘三丁目１２－３</t>
    <rPh sb="0" eb="3">
      <t>ニシナリク</t>
    </rPh>
    <rPh sb="3" eb="4">
      <t>タチバナ</t>
    </rPh>
    <rPh sb="4" eb="7">
      <t>３チョウメ</t>
    </rPh>
    <phoneticPr fontId="3"/>
  </si>
  <si>
    <t>株式会社ハヤシ薬局</t>
    <rPh sb="0" eb="4">
      <t>カブシキガイシャ</t>
    </rPh>
    <rPh sb="7" eb="9">
      <t>ヤッキョク</t>
    </rPh>
    <phoneticPr fontId="3"/>
  </si>
  <si>
    <t>西成区鶴見橋三丁目９－２１</t>
    <rPh sb="0" eb="3">
      <t>ニシナリク</t>
    </rPh>
    <rPh sb="3" eb="5">
      <t>ツルミ</t>
    </rPh>
    <rPh sb="5" eb="6">
      <t>バシ</t>
    </rPh>
    <rPh sb="6" eb="9">
      <t>サンチョウメ</t>
    </rPh>
    <phoneticPr fontId="3"/>
  </si>
  <si>
    <t>正田薬局</t>
    <rPh sb="0" eb="2">
      <t>ショウダ</t>
    </rPh>
    <rPh sb="2" eb="4">
      <t>ヤッキョク</t>
    </rPh>
    <phoneticPr fontId="3"/>
  </si>
  <si>
    <t>西成区梅南一丁目４－２</t>
    <rPh sb="0" eb="3">
      <t>ニシナリク</t>
    </rPh>
    <rPh sb="3" eb="5">
      <t>バイナン</t>
    </rPh>
    <rPh sb="5" eb="8">
      <t>イッチョウメ</t>
    </rPh>
    <phoneticPr fontId="3"/>
  </si>
  <si>
    <t>福住薬局</t>
    <rPh sb="0" eb="2">
      <t>フクズミ</t>
    </rPh>
    <rPh sb="2" eb="4">
      <t>ヤッキョク</t>
    </rPh>
    <phoneticPr fontId="3"/>
  </si>
  <si>
    <t>西成区潮路二丁目１－３３</t>
    <rPh sb="0" eb="3">
      <t>ニシナリク</t>
    </rPh>
    <rPh sb="3" eb="5">
      <t>シオジ</t>
    </rPh>
    <rPh sb="5" eb="8">
      <t>ニチョウメ</t>
    </rPh>
    <phoneticPr fontId="3"/>
  </si>
  <si>
    <t>小島保健薬局</t>
    <rPh sb="0" eb="2">
      <t>コジマ</t>
    </rPh>
    <phoneticPr fontId="3"/>
  </si>
  <si>
    <t>西成区千本南二丁目２－９</t>
    <rPh sb="6" eb="9">
      <t>ニチョウメ</t>
    </rPh>
    <phoneticPr fontId="3"/>
  </si>
  <si>
    <t>健勝堂薬局</t>
    <rPh sb="0" eb="1">
      <t>ケン</t>
    </rPh>
    <rPh sb="1" eb="2">
      <t>カツ</t>
    </rPh>
    <rPh sb="2" eb="3">
      <t>ドウ</t>
    </rPh>
    <rPh sb="3" eb="5">
      <t>ヤッキョク</t>
    </rPh>
    <phoneticPr fontId="3"/>
  </si>
  <si>
    <t>西成区天下茶屋東二丁目１６－３</t>
    <rPh sb="0" eb="3">
      <t>ニシナリク</t>
    </rPh>
    <rPh sb="3" eb="7">
      <t>テンガチャヤ</t>
    </rPh>
    <rPh sb="7" eb="8">
      <t>ヒガシ</t>
    </rPh>
    <rPh sb="8" eb="11">
      <t>ニチョウメ</t>
    </rPh>
    <phoneticPr fontId="3"/>
  </si>
  <si>
    <t>アオキ薬局</t>
    <rPh sb="3" eb="5">
      <t>ヤッキョク</t>
    </rPh>
    <phoneticPr fontId="3"/>
  </si>
  <si>
    <t>西成区鶴見橋一丁目１３－１１</t>
    <rPh sb="0" eb="3">
      <t>ニシナリク</t>
    </rPh>
    <rPh sb="3" eb="5">
      <t>ツルミ</t>
    </rPh>
    <rPh sb="5" eb="6">
      <t>バシ</t>
    </rPh>
    <rPh sb="6" eb="9">
      <t>イッチョウメ</t>
    </rPh>
    <phoneticPr fontId="3"/>
  </si>
  <si>
    <t>コットン調剤薬局</t>
    <rPh sb="4" eb="6">
      <t>チョウザイ</t>
    </rPh>
    <rPh sb="6" eb="8">
      <t>ヤッキョク</t>
    </rPh>
    <phoneticPr fontId="3"/>
  </si>
  <si>
    <t>西成区岸里東二丁目３－２２</t>
    <rPh sb="0" eb="3">
      <t>ニシナリク</t>
    </rPh>
    <rPh sb="3" eb="5">
      <t>キシノサト</t>
    </rPh>
    <rPh sb="5" eb="6">
      <t>ヒガシ</t>
    </rPh>
    <rPh sb="6" eb="9">
      <t>ニチョウメ</t>
    </rPh>
    <phoneticPr fontId="3"/>
  </si>
  <si>
    <t>西成区天下茶屋二丁目５－１８</t>
    <rPh sb="0" eb="3">
      <t>ニシナリク</t>
    </rPh>
    <rPh sb="3" eb="7">
      <t>テンガチャヤ</t>
    </rPh>
    <rPh sb="7" eb="10">
      <t>ニチョウメ</t>
    </rPh>
    <phoneticPr fontId="3"/>
  </si>
  <si>
    <t>藤井薬局</t>
    <rPh sb="0" eb="2">
      <t>フジイ</t>
    </rPh>
    <rPh sb="2" eb="4">
      <t>ヤッキョク</t>
    </rPh>
    <phoneticPr fontId="3"/>
  </si>
  <si>
    <t>西成区玉出中二丁目１－２３</t>
    <rPh sb="0" eb="3">
      <t>ニシナリク</t>
    </rPh>
    <rPh sb="3" eb="6">
      <t>タマデナカ</t>
    </rPh>
    <rPh sb="6" eb="9">
      <t>ニチョウメ</t>
    </rPh>
    <phoneticPr fontId="3"/>
  </si>
  <si>
    <t>大浜薬局</t>
    <rPh sb="0" eb="2">
      <t>オオハマ</t>
    </rPh>
    <rPh sb="2" eb="4">
      <t>ヤッキョク</t>
    </rPh>
    <phoneticPr fontId="3"/>
  </si>
  <si>
    <t>西成区天神ノ森一丁目１２－３</t>
    <rPh sb="0" eb="3">
      <t>ニシナリク</t>
    </rPh>
    <rPh sb="3" eb="5">
      <t>テンジン</t>
    </rPh>
    <rPh sb="6" eb="7">
      <t>モリ</t>
    </rPh>
    <rPh sb="7" eb="10">
      <t>イッチョウメ</t>
    </rPh>
    <phoneticPr fontId="3"/>
  </si>
  <si>
    <t>西成区天下茶屋三丁目１１－７</t>
    <rPh sb="0" eb="3">
      <t>ニシナリク</t>
    </rPh>
    <rPh sb="3" eb="7">
      <t>テンガチャヤ</t>
    </rPh>
    <rPh sb="7" eb="10">
      <t>サンチョウメ</t>
    </rPh>
    <phoneticPr fontId="3"/>
  </si>
  <si>
    <t>クスリのイトウ薬局</t>
    <rPh sb="7" eb="9">
      <t>ヤッキョク</t>
    </rPh>
    <phoneticPr fontId="3"/>
  </si>
  <si>
    <t>西成区岸里東二丁目１３－１３　
ハイムアサダ　１階</t>
    <rPh sb="0" eb="3">
      <t>ニシナリク</t>
    </rPh>
    <rPh sb="3" eb="5">
      <t>キシノサト</t>
    </rPh>
    <rPh sb="5" eb="6">
      <t>ヒガシ</t>
    </rPh>
    <rPh sb="6" eb="9">
      <t>ニチョウメ</t>
    </rPh>
    <rPh sb="24" eb="25">
      <t>カイ</t>
    </rPh>
    <phoneticPr fontId="3"/>
  </si>
  <si>
    <t>若葉薬局</t>
    <rPh sb="0" eb="2">
      <t>ワカバ</t>
    </rPh>
    <rPh sb="2" eb="4">
      <t>ヤッキョク</t>
    </rPh>
    <phoneticPr fontId="3"/>
  </si>
  <si>
    <t>西成区潮路１丁目１－２１　
メゾン丸菱　１階</t>
    <rPh sb="0" eb="3">
      <t>ニシナリク</t>
    </rPh>
    <rPh sb="3" eb="5">
      <t>シオジ</t>
    </rPh>
    <rPh sb="6" eb="8">
      <t>チョウメ</t>
    </rPh>
    <rPh sb="17" eb="18">
      <t>マル</t>
    </rPh>
    <rPh sb="18" eb="19">
      <t>ヒシ</t>
    </rPh>
    <rPh sb="21" eb="22">
      <t>カイ</t>
    </rPh>
    <phoneticPr fontId="3"/>
  </si>
  <si>
    <t>西成区萩之茶屋二丁目３－３</t>
    <rPh sb="0" eb="3">
      <t>ニシナリク</t>
    </rPh>
    <rPh sb="3" eb="7">
      <t>ハギノチャヤ</t>
    </rPh>
    <rPh sb="7" eb="10">
      <t>ニチョウメ</t>
    </rPh>
    <phoneticPr fontId="3"/>
  </si>
  <si>
    <t>泉薬局　岸里店</t>
    <rPh sb="0" eb="1">
      <t>イズミ</t>
    </rPh>
    <rPh sb="1" eb="3">
      <t>ヤッキョク</t>
    </rPh>
    <rPh sb="4" eb="6">
      <t>キシノサト</t>
    </rPh>
    <rPh sb="6" eb="7">
      <t>テン</t>
    </rPh>
    <phoneticPr fontId="3"/>
  </si>
  <si>
    <t>玉出西フジイ薬局</t>
    <rPh sb="0" eb="2">
      <t>タマデ</t>
    </rPh>
    <rPh sb="2" eb="3">
      <t>ニシ</t>
    </rPh>
    <rPh sb="6" eb="8">
      <t>ヤッキョク</t>
    </rPh>
    <phoneticPr fontId="3"/>
  </si>
  <si>
    <t>西成区玉出西一丁目６－４</t>
    <rPh sb="0" eb="2">
      <t>ニシナリ</t>
    </rPh>
    <rPh sb="2" eb="3">
      <t>ク</t>
    </rPh>
    <rPh sb="3" eb="6">
      <t>タマデニシ</t>
    </rPh>
    <rPh sb="6" eb="9">
      <t>イッチョウメ</t>
    </rPh>
    <phoneticPr fontId="3"/>
  </si>
  <si>
    <t>西田薬局</t>
    <rPh sb="0" eb="1">
      <t>ニシ</t>
    </rPh>
    <phoneticPr fontId="3"/>
  </si>
  <si>
    <t>西成区山王一丁目５－１７</t>
    <rPh sb="5" eb="8">
      <t>イッチョウメ</t>
    </rPh>
    <phoneticPr fontId="3"/>
  </si>
  <si>
    <t>西成区天下茶屋東一丁目２２－１</t>
    <rPh sb="0" eb="3">
      <t>ニシナリク</t>
    </rPh>
    <rPh sb="3" eb="8">
      <t>テンガチャヤヒガシ</t>
    </rPh>
    <rPh sb="8" eb="11">
      <t>イッチョウメ</t>
    </rPh>
    <phoneticPr fontId="3"/>
  </si>
  <si>
    <t>天下茶屋薬局</t>
    <rPh sb="0" eb="4">
      <t>テンガチャヤ</t>
    </rPh>
    <rPh sb="4" eb="6">
      <t>ヤッキョク</t>
    </rPh>
    <phoneticPr fontId="3"/>
  </si>
  <si>
    <t>西成区天下茶屋一丁目１７－７</t>
    <rPh sb="0" eb="3">
      <t>ニシナリク</t>
    </rPh>
    <rPh sb="3" eb="7">
      <t>テンガチャヤ</t>
    </rPh>
    <rPh sb="7" eb="10">
      <t>イッチョウメ</t>
    </rPh>
    <phoneticPr fontId="3"/>
  </si>
  <si>
    <t>サンエイ薬局</t>
    <rPh sb="4" eb="6">
      <t>ヤッキョク</t>
    </rPh>
    <phoneticPr fontId="3"/>
  </si>
  <si>
    <t>西成区天下茶屋東二丁目１５-１３</t>
    <rPh sb="0" eb="3">
      <t>ニシナリク</t>
    </rPh>
    <rPh sb="3" eb="7">
      <t>テンガチャヤ</t>
    </rPh>
    <rPh sb="7" eb="8">
      <t>ヒガシ</t>
    </rPh>
    <rPh sb="8" eb="11">
      <t>ニチョウメ</t>
    </rPh>
    <phoneticPr fontId="3"/>
  </si>
  <si>
    <t>ホーム薬局</t>
    <rPh sb="3" eb="5">
      <t>ヤッキョク</t>
    </rPh>
    <phoneticPr fontId="3"/>
  </si>
  <si>
    <t>西成区太子一丁目１－７</t>
    <rPh sb="0" eb="3">
      <t>ニシナリク</t>
    </rPh>
    <rPh sb="3" eb="5">
      <t>タイシ</t>
    </rPh>
    <rPh sb="5" eb="8">
      <t>イッチョウメ</t>
    </rPh>
    <phoneticPr fontId="3"/>
  </si>
  <si>
    <t>マルキ薬局</t>
    <rPh sb="3" eb="5">
      <t>ヤッキョク</t>
    </rPh>
    <phoneticPr fontId="3"/>
  </si>
  <si>
    <t>西成区山王三丁目１９－１７</t>
    <rPh sb="0" eb="3">
      <t>ニシナリク</t>
    </rPh>
    <rPh sb="3" eb="5">
      <t>サンノウ</t>
    </rPh>
    <rPh sb="5" eb="8">
      <t>サンチョウメ</t>
    </rPh>
    <phoneticPr fontId="3"/>
  </si>
  <si>
    <t>西成区千本南一丁目１－１３</t>
    <rPh sb="6" eb="9">
      <t>イッチョウメ</t>
    </rPh>
    <phoneticPr fontId="3"/>
  </si>
  <si>
    <t>西成区天下茶屋一丁目１７－３６</t>
    <rPh sb="0" eb="3">
      <t>ニシナリク</t>
    </rPh>
    <rPh sb="3" eb="7">
      <t>テンガチャヤ</t>
    </rPh>
    <rPh sb="7" eb="10">
      <t>イッチョウメ</t>
    </rPh>
    <phoneticPr fontId="3"/>
  </si>
  <si>
    <t>あんどう薬局</t>
    <rPh sb="4" eb="6">
      <t>ヤッキョク</t>
    </rPh>
    <phoneticPr fontId="3"/>
  </si>
  <si>
    <t>西成区萩之茶屋二丁目１０－５</t>
    <rPh sb="0" eb="3">
      <t>ニシナリク</t>
    </rPh>
    <rPh sb="3" eb="7">
      <t>ハギノチャヤ</t>
    </rPh>
    <rPh sb="7" eb="10">
      <t>ニチョウメ</t>
    </rPh>
    <phoneticPr fontId="3"/>
  </si>
  <si>
    <t>マルヤ薬局</t>
    <rPh sb="3" eb="5">
      <t>ヤッキョク</t>
    </rPh>
    <phoneticPr fontId="3"/>
  </si>
  <si>
    <t>西成区玉出中一丁目５－２９</t>
    <rPh sb="0" eb="3">
      <t>ニシナリク</t>
    </rPh>
    <rPh sb="3" eb="6">
      <t>タマデナカ</t>
    </rPh>
    <rPh sb="6" eb="9">
      <t>イッチョウメ</t>
    </rPh>
    <phoneticPr fontId="3"/>
  </si>
  <si>
    <t>ミヤケ薬局</t>
    <rPh sb="3" eb="5">
      <t>ヤッキョク</t>
    </rPh>
    <phoneticPr fontId="3"/>
  </si>
  <si>
    <t>西成区玉出中一丁目１０－１２</t>
    <rPh sb="0" eb="3">
      <t>ニシナリク</t>
    </rPh>
    <rPh sb="3" eb="6">
      <t>タマデナカ</t>
    </rPh>
    <rPh sb="6" eb="9">
      <t>イッチョウメ</t>
    </rPh>
    <phoneticPr fontId="3"/>
  </si>
  <si>
    <t>ミヤケ薬局　南津守店</t>
    <rPh sb="3" eb="5">
      <t>ヤッキョク</t>
    </rPh>
    <rPh sb="6" eb="7">
      <t>ミナミ</t>
    </rPh>
    <rPh sb="7" eb="9">
      <t>ツモリ</t>
    </rPh>
    <rPh sb="9" eb="10">
      <t>テン</t>
    </rPh>
    <phoneticPr fontId="3"/>
  </si>
  <si>
    <t>西成区南津守四丁目３－１４
ポアール２１・1階</t>
    <rPh sb="0" eb="3">
      <t>ニシナリク</t>
    </rPh>
    <rPh sb="3" eb="6">
      <t>ミナミツモリ</t>
    </rPh>
    <rPh sb="6" eb="9">
      <t>ヨンチョウメ</t>
    </rPh>
    <rPh sb="22" eb="23">
      <t>カイ</t>
    </rPh>
    <phoneticPr fontId="3"/>
  </si>
  <si>
    <t>なの花薬局　阿倍野店</t>
    <rPh sb="2" eb="3">
      <t>ハナ</t>
    </rPh>
    <rPh sb="3" eb="5">
      <t>ヤッキョク</t>
    </rPh>
    <rPh sb="6" eb="9">
      <t>アベノ</t>
    </rPh>
    <rPh sb="9" eb="10">
      <t>テン</t>
    </rPh>
    <phoneticPr fontId="3"/>
  </si>
  <si>
    <t>西成区山王一丁目９－７</t>
    <rPh sb="0" eb="3">
      <t>ニシナリク</t>
    </rPh>
    <rPh sb="3" eb="5">
      <t>サンノウ</t>
    </rPh>
    <rPh sb="5" eb="8">
      <t>イッチョウメ</t>
    </rPh>
    <phoneticPr fontId="3"/>
  </si>
  <si>
    <t>ファミリー太子薬局</t>
    <rPh sb="5" eb="7">
      <t>タイシ</t>
    </rPh>
    <rPh sb="7" eb="9">
      <t>ヤッキョク</t>
    </rPh>
    <phoneticPr fontId="3"/>
  </si>
  <si>
    <t>西成区太子一丁目１４－７</t>
    <rPh sb="0" eb="3">
      <t>ニシナリク</t>
    </rPh>
    <rPh sb="3" eb="5">
      <t>タイシ</t>
    </rPh>
    <rPh sb="5" eb="8">
      <t>イッチョウメ</t>
    </rPh>
    <phoneticPr fontId="3"/>
  </si>
  <si>
    <t>西成区岸里一丁目１－４</t>
    <rPh sb="0" eb="3">
      <t>ニシナリク</t>
    </rPh>
    <rPh sb="3" eb="5">
      <t>キシノサト</t>
    </rPh>
    <rPh sb="5" eb="8">
      <t>イッチョウメ</t>
    </rPh>
    <phoneticPr fontId="3"/>
  </si>
  <si>
    <t>西成区長橋一丁目２－８</t>
    <rPh sb="0" eb="3">
      <t>ニシナリク</t>
    </rPh>
    <rPh sb="3" eb="5">
      <t>ナガハシ</t>
    </rPh>
    <rPh sb="5" eb="8">
      <t>イッチョウメ</t>
    </rPh>
    <phoneticPr fontId="3"/>
  </si>
  <si>
    <t>関西薬局</t>
    <rPh sb="0" eb="2">
      <t>カンセイ</t>
    </rPh>
    <rPh sb="2" eb="4">
      <t>ヤッキョク</t>
    </rPh>
    <phoneticPr fontId="3"/>
  </si>
  <si>
    <t>西成区南津守七丁目５－７</t>
    <rPh sb="0" eb="3">
      <t>ニシナリク</t>
    </rPh>
    <rPh sb="3" eb="6">
      <t>ミナミツモリ</t>
    </rPh>
    <rPh sb="6" eb="9">
      <t>ナナチョウメ</t>
    </rPh>
    <phoneticPr fontId="3"/>
  </si>
  <si>
    <t>かるがも薬局　天下茶屋店</t>
    <rPh sb="4" eb="6">
      <t>ヤッキョク</t>
    </rPh>
    <rPh sb="7" eb="11">
      <t>テンガチャヤ</t>
    </rPh>
    <rPh sb="11" eb="12">
      <t>テン</t>
    </rPh>
    <phoneticPr fontId="3"/>
  </si>
  <si>
    <t>西成区花園南二丁目７－２</t>
    <rPh sb="0" eb="3">
      <t>ニシナリク</t>
    </rPh>
    <rPh sb="3" eb="5">
      <t>ハナゾノ</t>
    </rPh>
    <rPh sb="5" eb="6">
      <t>ミナミ</t>
    </rPh>
    <rPh sb="6" eb="9">
      <t>ニチョウメ</t>
    </rPh>
    <phoneticPr fontId="3"/>
  </si>
  <si>
    <t>ナイス薬局</t>
    <rPh sb="3" eb="5">
      <t>ヤッキョク</t>
    </rPh>
    <phoneticPr fontId="3"/>
  </si>
  <si>
    <t>西成区長橋二丁目６－３１</t>
    <rPh sb="0" eb="3">
      <t>ニシナリク</t>
    </rPh>
    <rPh sb="3" eb="5">
      <t>ナガハシ</t>
    </rPh>
    <rPh sb="5" eb="8">
      <t>ニチョウメ</t>
    </rPh>
    <phoneticPr fontId="3"/>
  </si>
  <si>
    <t>リヨン薬局</t>
    <rPh sb="3" eb="5">
      <t>ヤッキョク</t>
    </rPh>
    <phoneticPr fontId="3"/>
  </si>
  <si>
    <t>西成区千本北二丁目２９－１２</t>
    <rPh sb="0" eb="3">
      <t>ニシナリク</t>
    </rPh>
    <rPh sb="3" eb="6">
      <t>センボンキタ</t>
    </rPh>
    <rPh sb="6" eb="9">
      <t>ニチョウメ</t>
    </rPh>
    <phoneticPr fontId="3"/>
  </si>
  <si>
    <t>グレス薬局</t>
    <rPh sb="3" eb="5">
      <t>ヤッキョク</t>
    </rPh>
    <phoneticPr fontId="3"/>
  </si>
  <si>
    <t>西成区山王一丁目８－３　
ドゥスプランドゥール　１階</t>
    <rPh sb="0" eb="3">
      <t>ニシナリク</t>
    </rPh>
    <rPh sb="3" eb="5">
      <t>サンノウ</t>
    </rPh>
    <rPh sb="5" eb="8">
      <t>イッチョウメ</t>
    </rPh>
    <rPh sb="25" eb="26">
      <t>カイ</t>
    </rPh>
    <phoneticPr fontId="3"/>
  </si>
  <si>
    <t>3302479</t>
  </si>
  <si>
    <t>ファミリー松薬局</t>
    <rPh sb="5" eb="6">
      <t>マツ</t>
    </rPh>
    <rPh sb="6" eb="8">
      <t>ヤッキョク</t>
    </rPh>
    <phoneticPr fontId="3"/>
  </si>
  <si>
    <t>西成区梅南一丁目１－６</t>
    <rPh sb="0" eb="3">
      <t>ニシナリク</t>
    </rPh>
    <rPh sb="3" eb="5">
      <t>バイナン</t>
    </rPh>
    <rPh sb="5" eb="8">
      <t>イッチョウメ</t>
    </rPh>
    <phoneticPr fontId="3"/>
  </si>
  <si>
    <t>アトム薬局</t>
    <rPh sb="3" eb="5">
      <t>ヤッキョク</t>
    </rPh>
    <phoneticPr fontId="3"/>
  </si>
  <si>
    <t>西成区岸里一丁目４－２５</t>
    <rPh sb="0" eb="3">
      <t>ニシナリク</t>
    </rPh>
    <rPh sb="3" eb="5">
      <t>キシノサト</t>
    </rPh>
    <rPh sb="5" eb="8">
      <t>イッチョウメ</t>
    </rPh>
    <phoneticPr fontId="3"/>
  </si>
  <si>
    <t>西成区鶴見橋二丁目７－１８</t>
    <rPh sb="0" eb="3">
      <t>ニシナリク</t>
    </rPh>
    <rPh sb="3" eb="5">
      <t>ツルミ</t>
    </rPh>
    <rPh sb="5" eb="6">
      <t>バシ</t>
    </rPh>
    <rPh sb="6" eb="9">
      <t>ニチョウメ</t>
    </rPh>
    <phoneticPr fontId="3"/>
  </si>
  <si>
    <t>シルバー薬局</t>
    <rPh sb="4" eb="6">
      <t>ヤッキョク</t>
    </rPh>
    <phoneticPr fontId="3"/>
  </si>
  <si>
    <t>西成区萩之茶屋三丁目８－１５</t>
    <rPh sb="0" eb="3">
      <t>ニシナリク</t>
    </rPh>
    <rPh sb="3" eb="7">
      <t>ハギノチャヤ</t>
    </rPh>
    <rPh sb="7" eb="10">
      <t>サンチョウメ</t>
    </rPh>
    <phoneticPr fontId="3"/>
  </si>
  <si>
    <t>かみなと薬局</t>
    <rPh sb="4" eb="6">
      <t>ヤッキョク</t>
    </rPh>
    <phoneticPr fontId="3"/>
  </si>
  <si>
    <t>西成区天下茶屋三丁目１９－２０</t>
    <rPh sb="0" eb="3">
      <t>ニシナリク</t>
    </rPh>
    <rPh sb="3" eb="7">
      <t>テンガチャヤ</t>
    </rPh>
    <rPh sb="7" eb="8">
      <t>3</t>
    </rPh>
    <rPh sb="8" eb="10">
      <t>チョウメ</t>
    </rPh>
    <phoneticPr fontId="3"/>
  </si>
  <si>
    <t>ファミリー薬局　岸里店</t>
    <rPh sb="8" eb="10">
      <t>キシノサト</t>
    </rPh>
    <rPh sb="10" eb="11">
      <t>テン</t>
    </rPh>
    <phoneticPr fontId="3"/>
  </si>
  <si>
    <t>西成区潮路一丁目７－１１</t>
    <rPh sb="0" eb="3">
      <t>ニシナリク</t>
    </rPh>
    <rPh sb="3" eb="5">
      <t>シオジ</t>
    </rPh>
    <rPh sb="5" eb="8">
      <t>イッチョウメ</t>
    </rPh>
    <phoneticPr fontId="3"/>
  </si>
  <si>
    <t>ほほえみ薬局</t>
    <rPh sb="4" eb="6">
      <t>ヤッキョク</t>
    </rPh>
    <phoneticPr fontId="3"/>
  </si>
  <si>
    <t>西成区潮路二丁目４－３６</t>
    <rPh sb="0" eb="3">
      <t>ニシナリク</t>
    </rPh>
    <rPh sb="3" eb="5">
      <t>シオジ</t>
    </rPh>
    <rPh sb="5" eb="6">
      <t>２</t>
    </rPh>
    <rPh sb="6" eb="8">
      <t>チョウメ</t>
    </rPh>
    <phoneticPr fontId="3"/>
  </si>
  <si>
    <t>ツバサ薬局　帝塚山西店</t>
    <rPh sb="3" eb="5">
      <t>ヤッキョク</t>
    </rPh>
    <rPh sb="6" eb="9">
      <t>テヅカヤマ</t>
    </rPh>
    <rPh sb="9" eb="10">
      <t>ニシ</t>
    </rPh>
    <rPh sb="10" eb="11">
      <t>テン</t>
    </rPh>
    <phoneticPr fontId="3"/>
  </si>
  <si>
    <t>西成区玉出中二丁目１－２８</t>
    <rPh sb="0" eb="3">
      <t>ニシナリク</t>
    </rPh>
    <rPh sb="3" eb="5">
      <t>タマデ</t>
    </rPh>
    <rPh sb="5" eb="6">
      <t>ナカ</t>
    </rPh>
    <rPh sb="6" eb="9">
      <t>２チョウメ</t>
    </rPh>
    <phoneticPr fontId="3"/>
  </si>
  <si>
    <t>絆薬局</t>
    <rPh sb="0" eb="1">
      <t>キズナ</t>
    </rPh>
    <rPh sb="1" eb="3">
      <t>ヤッキョク</t>
    </rPh>
    <phoneticPr fontId="3"/>
  </si>
  <si>
    <t>西成区長橋三丁目６－４１</t>
    <rPh sb="0" eb="3">
      <t>ニシナリク</t>
    </rPh>
    <rPh sb="3" eb="5">
      <t>ナガハシ</t>
    </rPh>
    <rPh sb="5" eb="8">
      <t>サンチョウメ</t>
    </rPh>
    <phoneticPr fontId="3"/>
  </si>
  <si>
    <t>株式会社アンデス薬局　</t>
    <rPh sb="0" eb="2">
      <t>カブシキ</t>
    </rPh>
    <rPh sb="2" eb="4">
      <t>カイシャ</t>
    </rPh>
    <rPh sb="8" eb="10">
      <t>ヤッキョク</t>
    </rPh>
    <phoneticPr fontId="3"/>
  </si>
  <si>
    <t>西成区玉出西二丁目６－６</t>
    <rPh sb="0" eb="3">
      <t>ニシナリク</t>
    </rPh>
    <rPh sb="3" eb="5">
      <t>タマデ</t>
    </rPh>
    <rPh sb="5" eb="6">
      <t>ニシ</t>
    </rPh>
    <rPh sb="6" eb="9">
      <t>ニチョウメ</t>
    </rPh>
    <phoneticPr fontId="3"/>
  </si>
  <si>
    <t>調剤薬局マツモトキヨシ　西成店</t>
    <rPh sb="0" eb="2">
      <t>チョウザイ</t>
    </rPh>
    <rPh sb="2" eb="4">
      <t>ヤッキョク</t>
    </rPh>
    <rPh sb="12" eb="14">
      <t>ニシナリ</t>
    </rPh>
    <rPh sb="14" eb="15">
      <t>テン</t>
    </rPh>
    <phoneticPr fontId="3"/>
  </si>
  <si>
    <t>西成区松三丁目１－５</t>
    <rPh sb="0" eb="3">
      <t>ニシナリク</t>
    </rPh>
    <rPh sb="3" eb="4">
      <t>マツ</t>
    </rPh>
    <rPh sb="4" eb="7">
      <t>サンチョウメ</t>
    </rPh>
    <phoneticPr fontId="3"/>
  </si>
  <si>
    <t>西成区太子二丁目３－１０</t>
    <rPh sb="0" eb="3">
      <t>ニシナリク</t>
    </rPh>
    <rPh sb="3" eb="5">
      <t>タイシ</t>
    </rPh>
    <rPh sb="5" eb="8">
      <t>ニチョウメ</t>
    </rPh>
    <phoneticPr fontId="3"/>
  </si>
  <si>
    <t>まもる薬局</t>
    <rPh sb="3" eb="5">
      <t>ヤッキョク</t>
    </rPh>
    <phoneticPr fontId="3"/>
  </si>
  <si>
    <t>西成区潮路二丁目４－２７</t>
    <rPh sb="0" eb="3">
      <t>ニシナリク</t>
    </rPh>
    <rPh sb="3" eb="5">
      <t>シオジ</t>
    </rPh>
    <rPh sb="5" eb="8">
      <t>２チョウメ</t>
    </rPh>
    <phoneticPr fontId="3"/>
  </si>
  <si>
    <t>ハートフル薬局</t>
    <rPh sb="5" eb="7">
      <t>ヤッキョク</t>
    </rPh>
    <phoneticPr fontId="3"/>
  </si>
  <si>
    <t>西成区鶴見橋一丁目６－１０</t>
    <rPh sb="0" eb="3">
      <t>ニシナリク</t>
    </rPh>
    <rPh sb="3" eb="5">
      <t>ツルミ</t>
    </rPh>
    <rPh sb="5" eb="6">
      <t>バシ</t>
    </rPh>
    <rPh sb="6" eb="9">
      <t>１チョウメ</t>
    </rPh>
    <phoneticPr fontId="3"/>
  </si>
  <si>
    <t>尾辻薬局　鶴見橋店</t>
    <rPh sb="0" eb="2">
      <t>オツジ</t>
    </rPh>
    <rPh sb="2" eb="4">
      <t>ヤッキョク</t>
    </rPh>
    <rPh sb="5" eb="7">
      <t>ツルミ</t>
    </rPh>
    <rPh sb="7" eb="8">
      <t>バシ</t>
    </rPh>
    <rPh sb="8" eb="9">
      <t>テン</t>
    </rPh>
    <phoneticPr fontId="3"/>
  </si>
  <si>
    <t>西成区鶴見橋一丁目６－１６</t>
    <rPh sb="0" eb="3">
      <t>ニシナリク</t>
    </rPh>
    <rPh sb="3" eb="5">
      <t>ツルミ</t>
    </rPh>
    <rPh sb="5" eb="6">
      <t>バシ</t>
    </rPh>
    <rPh sb="6" eb="9">
      <t>１チョウメ</t>
    </rPh>
    <phoneticPr fontId="3"/>
  </si>
  <si>
    <t>西成区鶴見橋一丁目５－１４</t>
    <rPh sb="0" eb="3">
      <t>ニシナリク</t>
    </rPh>
    <rPh sb="3" eb="5">
      <t>ツルミ</t>
    </rPh>
    <rPh sb="5" eb="6">
      <t>バシ</t>
    </rPh>
    <rPh sb="6" eb="9">
      <t>１チョウメ</t>
    </rPh>
    <phoneticPr fontId="3"/>
  </si>
  <si>
    <t>ファミリー薬局　山王店</t>
    <rPh sb="5" eb="7">
      <t>ヤッキョク</t>
    </rPh>
    <rPh sb="8" eb="9">
      <t>ヤマ</t>
    </rPh>
    <rPh sb="9" eb="10">
      <t>オウ</t>
    </rPh>
    <rPh sb="10" eb="11">
      <t>ミセ</t>
    </rPh>
    <phoneticPr fontId="3"/>
  </si>
  <si>
    <t>西成区山王二丁目１３－１９　
１階</t>
    <rPh sb="0" eb="3">
      <t>ニシナリク</t>
    </rPh>
    <rPh sb="3" eb="5">
      <t>サンオウ</t>
    </rPh>
    <rPh sb="5" eb="8">
      <t>ニチョウメ</t>
    </rPh>
    <rPh sb="16" eb="17">
      <t>カイ</t>
    </rPh>
    <phoneticPr fontId="3"/>
  </si>
  <si>
    <t>西成区旭一丁目５－４　
１階</t>
    <rPh sb="0" eb="3">
      <t>ニシナリク</t>
    </rPh>
    <rPh sb="3" eb="4">
      <t>アサヒ</t>
    </rPh>
    <rPh sb="4" eb="7">
      <t>イッチョウメ</t>
    </rPh>
    <rPh sb="13" eb="14">
      <t>カイ</t>
    </rPh>
    <phoneticPr fontId="3"/>
  </si>
  <si>
    <t>西成区梅南一丁目２－１　
近大ビル　１階</t>
    <rPh sb="0" eb="3">
      <t>ニシナリク</t>
    </rPh>
    <rPh sb="3" eb="5">
      <t>バイナン</t>
    </rPh>
    <rPh sb="5" eb="8">
      <t>イッチョウメ</t>
    </rPh>
    <rPh sb="13" eb="15">
      <t>キンダイ</t>
    </rPh>
    <rPh sb="19" eb="20">
      <t>カイ</t>
    </rPh>
    <phoneticPr fontId="3"/>
  </si>
  <si>
    <t>こまつ薬局</t>
    <rPh sb="3" eb="5">
      <t>ヤッキョク</t>
    </rPh>
    <phoneticPr fontId="3"/>
  </si>
  <si>
    <t>西成区松二丁目１－９</t>
    <rPh sb="0" eb="3">
      <t>ニシナリク</t>
    </rPh>
    <rPh sb="3" eb="4">
      <t>マツ</t>
    </rPh>
    <rPh sb="4" eb="7">
      <t>ニチョウメ</t>
    </rPh>
    <phoneticPr fontId="3"/>
  </si>
  <si>
    <t>西成区梅南二丁目５－１３</t>
    <rPh sb="0" eb="3">
      <t>ニシナリク</t>
    </rPh>
    <rPh sb="3" eb="5">
      <t>バイナン</t>
    </rPh>
    <rPh sb="5" eb="8">
      <t>ニチョウメ</t>
    </rPh>
    <phoneticPr fontId="3"/>
  </si>
  <si>
    <t>3302974</t>
  </si>
  <si>
    <t>サンキ薬局</t>
    <rPh sb="3" eb="5">
      <t>ヤッキョク</t>
    </rPh>
    <phoneticPr fontId="3"/>
  </si>
  <si>
    <t>西成区花園南二丁目７－１３
１階</t>
    <rPh sb="0" eb="3">
      <t>ニシナリク</t>
    </rPh>
    <rPh sb="3" eb="5">
      <t>ハナゾノ</t>
    </rPh>
    <rPh sb="5" eb="6">
      <t>ミナミ</t>
    </rPh>
    <rPh sb="6" eb="9">
      <t>ニチョウメ</t>
    </rPh>
    <rPh sb="15" eb="16">
      <t>カイ</t>
    </rPh>
    <phoneticPr fontId="3"/>
  </si>
  <si>
    <t>3302982</t>
  </si>
  <si>
    <t>シマノ薬局</t>
    <rPh sb="3" eb="5">
      <t>ヤッキョク</t>
    </rPh>
    <phoneticPr fontId="3"/>
  </si>
  <si>
    <t>西成区天神ノ森一丁目１２－１８－１０６</t>
    <rPh sb="0" eb="3">
      <t>ニシナリク</t>
    </rPh>
    <rPh sb="3" eb="5">
      <t>テンジン</t>
    </rPh>
    <rPh sb="6" eb="7">
      <t>モリ</t>
    </rPh>
    <rPh sb="7" eb="10">
      <t>イッチョウメ</t>
    </rPh>
    <phoneticPr fontId="3"/>
  </si>
  <si>
    <t>3303006</t>
  </si>
  <si>
    <t>西成区玉出中二丁目１５－２１</t>
    <rPh sb="0" eb="3">
      <t>ニシナリク</t>
    </rPh>
    <rPh sb="3" eb="6">
      <t>タマデナカ</t>
    </rPh>
    <rPh sb="6" eb="9">
      <t>ニチョウメ</t>
    </rPh>
    <phoneticPr fontId="3"/>
  </si>
  <si>
    <t>3303014</t>
  </si>
  <si>
    <t>キリン堂薬局　岸里駅前店</t>
    <rPh sb="3" eb="4">
      <t>ドウ</t>
    </rPh>
    <rPh sb="4" eb="6">
      <t>ヤッキョク</t>
    </rPh>
    <rPh sb="7" eb="9">
      <t>キシノサト</t>
    </rPh>
    <rPh sb="9" eb="11">
      <t>エキマエ</t>
    </rPh>
    <rPh sb="11" eb="12">
      <t>テン</t>
    </rPh>
    <phoneticPr fontId="3"/>
  </si>
  <si>
    <t>西成区潮路一丁目１０－１３</t>
    <rPh sb="0" eb="3">
      <t>ニシナリク</t>
    </rPh>
    <rPh sb="3" eb="5">
      <t>シオジ</t>
    </rPh>
    <rPh sb="5" eb="8">
      <t>イッチョウメ</t>
    </rPh>
    <phoneticPr fontId="3"/>
  </si>
  <si>
    <t>3303022</t>
  </si>
  <si>
    <t>西成区橘二丁目７－２７</t>
    <rPh sb="0" eb="3">
      <t>ニシナリク</t>
    </rPh>
    <rPh sb="3" eb="4">
      <t>タチバナ</t>
    </rPh>
    <rPh sb="4" eb="7">
      <t>ニチョウメ</t>
    </rPh>
    <phoneticPr fontId="3"/>
  </si>
  <si>
    <t>3303030</t>
  </si>
  <si>
    <t>西成区岸里一丁目１－９５　
カナートモール天下茶屋　２階</t>
    <rPh sb="0" eb="3">
      <t>ニシナリク</t>
    </rPh>
    <rPh sb="3" eb="5">
      <t>キシノサト</t>
    </rPh>
    <rPh sb="5" eb="8">
      <t>イッチョウメ</t>
    </rPh>
    <rPh sb="21" eb="25">
      <t>テンガチャヤ</t>
    </rPh>
    <rPh sb="27" eb="28">
      <t>カイ</t>
    </rPh>
    <phoneticPr fontId="3"/>
  </si>
  <si>
    <t>ココカラファイン薬局　
カナート天下茶屋店</t>
    <rPh sb="8" eb="10">
      <t>ヤッキョク</t>
    </rPh>
    <rPh sb="16" eb="20">
      <t>テンガチャヤ</t>
    </rPh>
    <rPh sb="20" eb="21">
      <t>テン</t>
    </rPh>
    <phoneticPr fontId="3"/>
  </si>
  <si>
    <t>ジャパンファーマシー薬局　
住之江店</t>
    <rPh sb="10" eb="12">
      <t>ヤ</t>
    </rPh>
    <rPh sb="14" eb="17">
      <t>スミノエ</t>
    </rPh>
    <rPh sb="17" eb="18">
      <t>ミセ</t>
    </rPh>
    <phoneticPr fontId="3"/>
  </si>
  <si>
    <t>ココカラファイン薬局　
南海住ノ江店</t>
    <rPh sb="8" eb="10">
      <t>ヤ</t>
    </rPh>
    <rPh sb="12" eb="14">
      <t>ナンカイ</t>
    </rPh>
    <rPh sb="14" eb="15">
      <t>スミ</t>
    </rPh>
    <rPh sb="16" eb="17">
      <t>エ</t>
    </rPh>
    <rPh sb="17" eb="18">
      <t>ミセ</t>
    </rPh>
    <phoneticPr fontId="3"/>
  </si>
  <si>
    <t>コクミン薬局　
ポートタウンモール店</t>
    <rPh sb="4" eb="6">
      <t>ヤッキョク</t>
    </rPh>
    <rPh sb="17" eb="18">
      <t>テン</t>
    </rPh>
    <phoneticPr fontId="3"/>
  </si>
  <si>
    <t>薬局マツモトキヨシ　
あべのキューズタウン店</t>
    <rPh sb="0" eb="2">
      <t>ヤッキョク</t>
    </rPh>
    <rPh sb="21" eb="22">
      <t>テン</t>
    </rPh>
    <phoneticPr fontId="3"/>
  </si>
  <si>
    <t>コクミン薬局　
あべのキューズタウン店</t>
    <rPh sb="4" eb="6">
      <t>ヤッキョク</t>
    </rPh>
    <rPh sb="18" eb="19">
      <t>テン</t>
    </rPh>
    <phoneticPr fontId="3"/>
  </si>
  <si>
    <t>ココカラファイン薬局　
グランフロント大阪店</t>
    <rPh sb="8" eb="10">
      <t>ヤッキョク</t>
    </rPh>
    <rPh sb="19" eb="21">
      <t>オオサカ</t>
    </rPh>
    <rPh sb="21" eb="22">
      <t>テン</t>
    </rPh>
    <phoneticPr fontId="3"/>
  </si>
  <si>
    <t>キリン堂薬局　
都島医療センター前店</t>
    <rPh sb="3" eb="4">
      <t>ドウ</t>
    </rPh>
    <rPh sb="4" eb="6">
      <t>ヤッキョク</t>
    </rPh>
    <rPh sb="8" eb="10">
      <t>ミヤコジマ</t>
    </rPh>
    <rPh sb="10" eb="12">
      <t>イリョウ</t>
    </rPh>
    <rPh sb="16" eb="17">
      <t>マエ</t>
    </rPh>
    <rPh sb="17" eb="18">
      <t>テン</t>
    </rPh>
    <phoneticPr fontId="3"/>
  </si>
  <si>
    <t>調剤薬局マツモトキヨシ　
もりのみやキューズモール店</t>
    <rPh sb="0" eb="2">
      <t>チョウザイ</t>
    </rPh>
    <rPh sb="2" eb="4">
      <t>ヤッキョク</t>
    </rPh>
    <rPh sb="25" eb="26">
      <t>ミセ</t>
    </rPh>
    <phoneticPr fontId="3"/>
  </si>
  <si>
    <t>オレンジ薬局　
オリックス本町ビル店</t>
    <rPh sb="4" eb="6">
      <t>ヤッキョク</t>
    </rPh>
    <rPh sb="13" eb="15">
      <t>ホンマチ</t>
    </rPh>
    <rPh sb="17" eb="18">
      <t>ミセ</t>
    </rPh>
    <phoneticPr fontId="3"/>
  </si>
  <si>
    <t>阪神調剤薬局　
ちしまメディカルパーク店</t>
    <rPh sb="0" eb="6">
      <t>ハンシンチョウザイヤッキョク</t>
    </rPh>
    <rPh sb="19" eb="20">
      <t>テン</t>
    </rPh>
    <phoneticPr fontId="3"/>
  </si>
  <si>
    <t>調剤薬局マツモトキヨシ　
淡路駅前店</t>
    <rPh sb="0" eb="2">
      <t>チョウザイ</t>
    </rPh>
    <rPh sb="2" eb="4">
      <t>ヤッキョク</t>
    </rPh>
    <rPh sb="13" eb="15">
      <t>アワジ</t>
    </rPh>
    <rPh sb="15" eb="17">
      <t>エキマエ</t>
    </rPh>
    <rPh sb="17" eb="18">
      <t>テン</t>
    </rPh>
    <phoneticPr fontId="3"/>
  </si>
  <si>
    <t>調剤薬局ツルハドラッグ
生野田島店</t>
    <rPh sb="0" eb="4">
      <t>チョウザイヤッキョク</t>
    </rPh>
    <rPh sb="12" eb="14">
      <t>イクノ</t>
    </rPh>
    <rPh sb="14" eb="16">
      <t>タジマ</t>
    </rPh>
    <rPh sb="16" eb="17">
      <t>ミセ</t>
    </rPh>
    <phoneticPr fontId="3"/>
  </si>
  <si>
    <t>のぞみ薬局　
フレンドタウン深江橋店</t>
    <rPh sb="3" eb="5">
      <t>ヤッキョク</t>
    </rPh>
    <rPh sb="14" eb="16">
      <t>フカエ</t>
    </rPh>
    <rPh sb="16" eb="17">
      <t>バシ</t>
    </rPh>
    <rPh sb="17" eb="18">
      <t>テン</t>
    </rPh>
    <phoneticPr fontId="3"/>
  </si>
  <si>
    <t>調剤薬局ツルハドラッグ　
蒲生四丁目駅前店</t>
    <rPh sb="0" eb="2">
      <t>チョウザイ</t>
    </rPh>
    <rPh sb="2" eb="4">
      <t>ヤッキョク</t>
    </rPh>
    <rPh sb="13" eb="15">
      <t>ガモウ</t>
    </rPh>
    <rPh sb="15" eb="18">
      <t>ヨンチョウメ</t>
    </rPh>
    <rPh sb="18" eb="20">
      <t>エキマエ</t>
    </rPh>
    <rPh sb="20" eb="21">
      <t>テン</t>
    </rPh>
    <phoneticPr fontId="3"/>
  </si>
  <si>
    <r>
      <t xml:space="preserve">淀川区宮原一丁目２－７０　
</t>
    </r>
    <r>
      <rPr>
        <sz val="8"/>
        <rFont val="ＭＳ ゴシック"/>
        <family val="3"/>
        <charset val="128"/>
      </rPr>
      <t>コートヤード・バイ・マリオット新大阪ステーション　３階</t>
    </r>
    <rPh sb="0" eb="3">
      <t>ヨドガワク</t>
    </rPh>
    <rPh sb="3" eb="5">
      <t>ミヤハラ</t>
    </rPh>
    <rPh sb="5" eb="8">
      <t>イッチョウメ</t>
    </rPh>
    <rPh sb="29" eb="32">
      <t>シンオオサカ</t>
    </rPh>
    <rPh sb="40" eb="41">
      <t>カイ</t>
    </rPh>
    <phoneticPr fontId="3"/>
  </si>
  <si>
    <t>東淀川区東中島五丁目１６－１３　
１階</t>
    <rPh sb="0" eb="4">
      <t>ヒガシヨドガワク</t>
    </rPh>
    <rPh sb="4" eb="7">
      <t>ヒガシナカジマ</t>
    </rPh>
    <rPh sb="7" eb="10">
      <t>ゴチョウメ</t>
    </rPh>
    <rPh sb="18" eb="19">
      <t>カイ</t>
    </rPh>
    <phoneticPr fontId="3"/>
  </si>
  <si>
    <t>阿倍野区阪南町一丁目４６－２８　
１階</t>
    <rPh sb="0" eb="4">
      <t>アベノク</t>
    </rPh>
    <rPh sb="4" eb="5">
      <t>ハン</t>
    </rPh>
    <rPh sb="5" eb="6">
      <t>ナン</t>
    </rPh>
    <rPh sb="6" eb="7">
      <t>チョウ</t>
    </rPh>
    <rPh sb="7" eb="10">
      <t>１チョウメ</t>
    </rPh>
    <rPh sb="18" eb="19">
      <t>カイ</t>
    </rPh>
    <phoneticPr fontId="3"/>
  </si>
  <si>
    <t>平野区平野西三丁目９－１５　
１階</t>
    <rPh sb="0" eb="3">
      <t>ヒラノク</t>
    </rPh>
    <rPh sb="3" eb="5">
      <t>ヒラノ</t>
    </rPh>
    <rPh sb="5" eb="6">
      <t>ニシ</t>
    </rPh>
    <rPh sb="6" eb="9">
      <t>３チョウメ</t>
    </rPh>
    <rPh sb="16" eb="17">
      <t>カイ</t>
    </rPh>
    <phoneticPr fontId="3"/>
  </si>
  <si>
    <t>平野区瓜破東一丁目５－１
１階</t>
    <rPh sb="0" eb="3">
      <t>ヒラノク</t>
    </rPh>
    <rPh sb="3" eb="5">
      <t>ウリワリ</t>
    </rPh>
    <rPh sb="5" eb="6">
      <t>ヒガシ</t>
    </rPh>
    <rPh sb="6" eb="9">
      <t>１チョウメ</t>
    </rPh>
    <rPh sb="14" eb="15">
      <t>カイ</t>
    </rPh>
    <phoneticPr fontId="3"/>
  </si>
  <si>
    <t>平野区平野西四丁目７－２８　
１階</t>
    <rPh sb="0" eb="3">
      <t>ヒラノク</t>
    </rPh>
    <rPh sb="3" eb="6">
      <t>ヒラノニシ</t>
    </rPh>
    <rPh sb="6" eb="9">
      <t>４チョウメ</t>
    </rPh>
    <rPh sb="16" eb="17">
      <t>カイ</t>
    </rPh>
    <phoneticPr fontId="3"/>
  </si>
  <si>
    <t>平野区背戸口五丁目６－２９　
小谷ビル　２階ｂ</t>
    <rPh sb="0" eb="3">
      <t>ヒラノク</t>
    </rPh>
    <rPh sb="3" eb="6">
      <t>セトグチ</t>
    </rPh>
    <rPh sb="6" eb="9">
      <t>５チョウメ</t>
    </rPh>
    <rPh sb="15" eb="17">
      <t>コタニ</t>
    </rPh>
    <rPh sb="21" eb="22">
      <t>カイ</t>
    </rPh>
    <phoneticPr fontId="3"/>
  </si>
  <si>
    <r>
      <t xml:space="preserve">北区大深町３－１　
</t>
    </r>
    <r>
      <rPr>
        <sz val="7.5"/>
        <rFont val="ＭＳ ゴシック"/>
        <family val="3"/>
        <charset val="128"/>
      </rPr>
      <t>グランフロント大阪ショップ＆レストラン北館　地下１階</t>
    </r>
    <rPh sb="0" eb="2">
      <t>キタク</t>
    </rPh>
    <rPh sb="2" eb="3">
      <t>オオ</t>
    </rPh>
    <rPh sb="3" eb="4">
      <t>フカ</t>
    </rPh>
    <rPh sb="4" eb="5">
      <t>チョウ</t>
    </rPh>
    <rPh sb="17" eb="19">
      <t>オオサカ</t>
    </rPh>
    <rPh sb="29" eb="30">
      <t>キタ</t>
    </rPh>
    <rPh sb="30" eb="31">
      <t>カン</t>
    </rPh>
    <rPh sb="32" eb="34">
      <t>チカ</t>
    </rPh>
    <rPh sb="35" eb="36">
      <t>カイ</t>
    </rPh>
    <phoneticPr fontId="3"/>
  </si>
  <si>
    <r>
      <rPr>
        <sz val="8"/>
        <rFont val="ＭＳ ゴシック"/>
        <family val="3"/>
        <charset val="128"/>
      </rPr>
      <t>中央区谷町二丁目３－１２</t>
    </r>
    <r>
      <rPr>
        <sz val="6.5"/>
        <rFont val="ＭＳ ゴシック"/>
        <family val="3"/>
        <charset val="128"/>
      </rPr>
      <t xml:space="preserve">
</t>
    </r>
    <r>
      <rPr>
        <sz val="6"/>
        <rFont val="ＭＳ ゴシック"/>
        <family val="3"/>
        <charset val="128"/>
      </rPr>
      <t>マルイト谷町ビル　１階　ファミリーマート＋クスリのヒグチ谷町二丁目店内</t>
    </r>
    <rPh sb="0" eb="3">
      <t>チュウオウク</t>
    </rPh>
    <rPh sb="3" eb="8">
      <t>タニマチニチョウメ</t>
    </rPh>
    <rPh sb="17" eb="18">
      <t>タニ</t>
    </rPh>
    <rPh sb="18" eb="19">
      <t>マチ</t>
    </rPh>
    <rPh sb="23" eb="24">
      <t>カイ</t>
    </rPh>
    <rPh sb="41" eb="42">
      <t>タニ</t>
    </rPh>
    <rPh sb="42" eb="43">
      <t>マチ</t>
    </rPh>
    <rPh sb="43" eb="46">
      <t>ニチョウメ</t>
    </rPh>
    <rPh sb="46" eb="47">
      <t>テン</t>
    </rPh>
    <rPh sb="47" eb="48">
      <t>ナイ</t>
    </rPh>
    <phoneticPr fontId="3"/>
  </si>
  <si>
    <r>
      <rPr>
        <sz val="9"/>
        <rFont val="ＭＳ ゴシック"/>
        <family val="3"/>
        <charset val="128"/>
      </rPr>
      <t>ファースト・コンタクト・ファーマシー</t>
    </r>
    <r>
      <rPr>
        <sz val="10"/>
        <rFont val="ＭＳ ゴシック"/>
        <family val="3"/>
        <charset val="128"/>
      </rPr>
      <t>　
桜橋薬局</t>
    </r>
    <rPh sb="20" eb="22">
      <t>サクラバシ</t>
    </rPh>
    <rPh sb="22" eb="24">
      <t>ヤッキョク</t>
    </rPh>
    <phoneticPr fontId="3"/>
  </si>
  <si>
    <r>
      <rPr>
        <sz val="9"/>
        <rFont val="ＭＳ ゴシック"/>
        <family val="3"/>
        <charset val="128"/>
      </rPr>
      <t>ファースト・コンタクト・ファーマシー</t>
    </r>
    <r>
      <rPr>
        <sz val="10"/>
        <rFont val="ＭＳ ゴシック"/>
        <family val="3"/>
        <charset val="128"/>
      </rPr>
      <t>　
靭本町薬局</t>
    </r>
    <rPh sb="20" eb="21">
      <t>ウツボ</t>
    </rPh>
    <rPh sb="21" eb="23">
      <t>ホンマチ</t>
    </rPh>
    <rPh sb="23" eb="25">
      <t>ヤッキョ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sz val="6"/>
      <name val="ＭＳ ゴシック"/>
      <family val="3"/>
      <charset val="128"/>
    </font>
    <font>
      <sz val="7.5"/>
      <name val="ＭＳ ゴシック"/>
      <family val="3"/>
      <charset val="128"/>
    </font>
    <font>
      <sz val="6.5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2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left" vertical="center" shrinkToFit="1"/>
    </xf>
    <xf numFmtId="0" fontId="4" fillId="0" borderId="2" xfId="0" applyFont="1" applyBorder="1" applyAlignment="1">
      <alignment horizontal="left" vertical="center" wrapText="1" shrinkToFit="1"/>
    </xf>
    <xf numFmtId="0" fontId="5" fillId="0" borderId="0" xfId="0" applyFont="1">
      <alignment vertical="center"/>
    </xf>
    <xf numFmtId="49" fontId="4" fillId="0" borderId="2" xfId="0" applyNumberFormat="1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left" vertical="center" wrapText="1" shrinkToFit="1"/>
    </xf>
    <xf numFmtId="0" fontId="5" fillId="0" borderId="0" xfId="0" applyFont="1" applyFill="1">
      <alignment vertical="center"/>
    </xf>
    <xf numFmtId="0" fontId="4" fillId="0" borderId="2" xfId="0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left" vertical="center" shrinkToFit="1"/>
    </xf>
    <xf numFmtId="49" fontId="4" fillId="0" borderId="2" xfId="0" quotePrefix="1" applyNumberFormat="1" applyFont="1" applyFill="1" applyBorder="1" applyAlignment="1">
      <alignment horizontal="center" vertical="center" shrinkToFit="1"/>
    </xf>
    <xf numFmtId="0" fontId="4" fillId="0" borderId="3" xfId="0" applyFont="1" applyFill="1" applyBorder="1" applyAlignment="1">
      <alignment horizontal="left" vertical="center" wrapText="1" shrinkToFit="1"/>
    </xf>
    <xf numFmtId="0" fontId="4" fillId="0" borderId="3" xfId="0" applyFont="1" applyFill="1" applyBorder="1" applyAlignment="1">
      <alignment horizontal="left" vertical="center" shrinkToFit="1"/>
    </xf>
    <xf numFmtId="0" fontId="3" fillId="0" borderId="0" xfId="0" applyFont="1" applyAlignment="1">
      <alignment horizontal="center" vertical="center"/>
    </xf>
    <xf numFmtId="0" fontId="0" fillId="0" borderId="0" xfId="0" applyFill="1">
      <alignment vertical="center"/>
    </xf>
    <xf numFmtId="0" fontId="2" fillId="2" borderId="1" xfId="0" applyFont="1" applyFill="1" applyBorder="1" applyAlignment="1">
      <alignment horizontal="center" vertical="center" shrinkToFit="1"/>
    </xf>
    <xf numFmtId="0" fontId="2" fillId="2" borderId="1" xfId="0" applyFont="1" applyFill="1" applyBorder="1" applyAlignment="1">
      <alignment horizontal="center" vertical="center" wrapText="1" shrinkToFit="1"/>
    </xf>
    <xf numFmtId="0" fontId="6" fillId="0" borderId="2" xfId="0" applyFont="1" applyFill="1" applyBorder="1" applyAlignment="1">
      <alignment horizontal="left" vertical="center" wrapText="1" shrinkToFit="1"/>
    </xf>
    <xf numFmtId="0" fontId="7" fillId="0" borderId="2" xfId="0" applyFont="1" applyFill="1" applyBorder="1" applyAlignment="1">
      <alignment horizontal="left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314"/>
  <sheetViews>
    <sheetView tabSelected="1" workbookViewId="0">
      <selection activeCell="C332" sqref="C332"/>
    </sheetView>
  </sheetViews>
  <sheetFormatPr defaultRowHeight="13.5" x14ac:dyDescent="0.15"/>
  <cols>
    <col min="1" max="1" width="8.5" style="1" customWidth="1"/>
    <col min="2" max="2" width="10.125" style="1" customWidth="1"/>
    <col min="3" max="3" width="32.625" style="1" customWidth="1"/>
    <col min="4" max="4" width="8.75" style="14" customWidth="1"/>
    <col min="5" max="5" width="41.25" style="1" customWidth="1"/>
  </cols>
  <sheetData>
    <row r="1" spans="1:5" s="15" customFormat="1" ht="30" customHeight="1" x14ac:dyDescent="0.15">
      <c r="A1" s="16" t="s">
        <v>28</v>
      </c>
      <c r="B1" s="17" t="s">
        <v>29</v>
      </c>
      <c r="C1" s="17" t="s">
        <v>30</v>
      </c>
      <c r="D1" s="16" t="s">
        <v>31</v>
      </c>
      <c r="E1" s="17" t="s">
        <v>32</v>
      </c>
    </row>
    <row r="2" spans="1:5" s="5" customFormat="1" ht="28.5" customHeight="1" x14ac:dyDescent="0.15">
      <c r="A2" s="2" t="s">
        <v>831</v>
      </c>
      <c r="B2" s="2">
        <v>4100948</v>
      </c>
      <c r="C2" s="3" t="s">
        <v>832</v>
      </c>
      <c r="D2" s="2" t="s">
        <v>33</v>
      </c>
      <c r="E2" s="4" t="s">
        <v>833</v>
      </c>
    </row>
    <row r="3" spans="1:5" s="8" customFormat="1" ht="28.5" customHeight="1" x14ac:dyDescent="0.15">
      <c r="A3" s="6" t="s">
        <v>831</v>
      </c>
      <c r="B3" s="6" t="s">
        <v>34</v>
      </c>
      <c r="C3" s="7" t="s">
        <v>834</v>
      </c>
      <c r="D3" s="6" t="s">
        <v>33</v>
      </c>
      <c r="E3" s="7" t="s">
        <v>835</v>
      </c>
    </row>
    <row r="4" spans="1:5" s="8" customFormat="1" ht="28.5" customHeight="1" x14ac:dyDescent="0.15">
      <c r="A4" s="6" t="s">
        <v>831</v>
      </c>
      <c r="B4" s="6">
        <v>4101458</v>
      </c>
      <c r="C4" s="7" t="s">
        <v>836</v>
      </c>
      <c r="D4" s="6" t="s">
        <v>33</v>
      </c>
      <c r="E4" s="7" t="s">
        <v>837</v>
      </c>
    </row>
    <row r="5" spans="1:5" s="8" customFormat="1" ht="28.5" customHeight="1" x14ac:dyDescent="0.15">
      <c r="A5" s="6" t="s">
        <v>831</v>
      </c>
      <c r="B5" s="6">
        <v>4101599</v>
      </c>
      <c r="C5" s="7" t="s">
        <v>838</v>
      </c>
      <c r="D5" s="6" t="s">
        <v>35</v>
      </c>
      <c r="E5" s="7" t="s">
        <v>839</v>
      </c>
    </row>
    <row r="6" spans="1:5" s="8" customFormat="1" ht="28.5" customHeight="1" x14ac:dyDescent="0.15">
      <c r="A6" s="6" t="s">
        <v>831</v>
      </c>
      <c r="B6" s="6">
        <v>4101813</v>
      </c>
      <c r="C6" s="7" t="s">
        <v>840</v>
      </c>
      <c r="D6" s="6" t="s">
        <v>37</v>
      </c>
      <c r="E6" s="7" t="s">
        <v>841</v>
      </c>
    </row>
    <row r="7" spans="1:5" s="8" customFormat="1" ht="28.5" customHeight="1" x14ac:dyDescent="0.15">
      <c r="A7" s="6" t="s">
        <v>831</v>
      </c>
      <c r="B7" s="6">
        <v>4101862</v>
      </c>
      <c r="C7" s="7" t="s">
        <v>842</v>
      </c>
      <c r="D7" s="6" t="s">
        <v>38</v>
      </c>
      <c r="E7" s="7" t="s">
        <v>843</v>
      </c>
    </row>
    <row r="8" spans="1:5" s="8" customFormat="1" ht="28.5" customHeight="1" x14ac:dyDescent="0.15">
      <c r="A8" s="9" t="s">
        <v>831</v>
      </c>
      <c r="B8" s="9">
        <v>4101938</v>
      </c>
      <c r="C8" s="10" t="s">
        <v>844</v>
      </c>
      <c r="D8" s="9" t="s">
        <v>38</v>
      </c>
      <c r="E8" s="7" t="s">
        <v>845</v>
      </c>
    </row>
    <row r="9" spans="1:5" s="8" customFormat="1" ht="28.5" customHeight="1" x14ac:dyDescent="0.15">
      <c r="A9" s="6" t="s">
        <v>831</v>
      </c>
      <c r="B9" s="6">
        <v>4102050</v>
      </c>
      <c r="C9" s="7" t="s">
        <v>846</v>
      </c>
      <c r="D9" s="6" t="s">
        <v>39</v>
      </c>
      <c r="E9" s="7" t="s">
        <v>847</v>
      </c>
    </row>
    <row r="10" spans="1:5" s="8" customFormat="1" ht="28.5" customHeight="1" x14ac:dyDescent="0.15">
      <c r="A10" s="6" t="s">
        <v>831</v>
      </c>
      <c r="B10" s="6">
        <v>4102076</v>
      </c>
      <c r="C10" s="7" t="s">
        <v>848</v>
      </c>
      <c r="D10" s="6" t="s">
        <v>40</v>
      </c>
      <c r="E10" s="7" t="s">
        <v>849</v>
      </c>
    </row>
    <row r="11" spans="1:5" s="8" customFormat="1" ht="28.5" customHeight="1" x14ac:dyDescent="0.15">
      <c r="A11" s="6" t="s">
        <v>831</v>
      </c>
      <c r="B11" s="6">
        <v>4102217</v>
      </c>
      <c r="C11" s="7" t="s">
        <v>850</v>
      </c>
      <c r="D11" s="6" t="s">
        <v>42</v>
      </c>
      <c r="E11" s="7" t="s">
        <v>851</v>
      </c>
    </row>
    <row r="12" spans="1:5" s="8" customFormat="1" ht="28.5" customHeight="1" x14ac:dyDescent="0.15">
      <c r="A12" s="6" t="s">
        <v>831</v>
      </c>
      <c r="B12" s="11">
        <v>4102282</v>
      </c>
      <c r="C12" s="10" t="s">
        <v>852</v>
      </c>
      <c r="D12" s="6" t="s">
        <v>43</v>
      </c>
      <c r="E12" s="7" t="s">
        <v>853</v>
      </c>
    </row>
    <row r="13" spans="1:5" s="8" customFormat="1" ht="28.5" customHeight="1" x14ac:dyDescent="0.15">
      <c r="A13" s="6" t="s">
        <v>831</v>
      </c>
      <c r="B13" s="6">
        <v>4102480</v>
      </c>
      <c r="C13" s="10" t="s">
        <v>854</v>
      </c>
      <c r="D13" s="6" t="s">
        <v>44</v>
      </c>
      <c r="E13" s="7" t="s">
        <v>855</v>
      </c>
    </row>
    <row r="14" spans="1:5" s="8" customFormat="1" ht="28.5" customHeight="1" x14ac:dyDescent="0.15">
      <c r="A14" s="6" t="s">
        <v>831</v>
      </c>
      <c r="B14" s="6">
        <v>4102506</v>
      </c>
      <c r="C14" s="7" t="s">
        <v>45</v>
      </c>
      <c r="D14" s="6" t="s">
        <v>35</v>
      </c>
      <c r="E14" s="7" t="s">
        <v>856</v>
      </c>
    </row>
    <row r="15" spans="1:5" s="8" customFormat="1" ht="28.5" customHeight="1" x14ac:dyDescent="0.15">
      <c r="A15" s="6" t="s">
        <v>831</v>
      </c>
      <c r="B15" s="6">
        <v>4102514</v>
      </c>
      <c r="C15" s="7" t="s">
        <v>857</v>
      </c>
      <c r="D15" s="6" t="s">
        <v>35</v>
      </c>
      <c r="E15" s="7" t="s">
        <v>858</v>
      </c>
    </row>
    <row r="16" spans="1:5" s="8" customFormat="1" ht="28.5" customHeight="1" x14ac:dyDescent="0.15">
      <c r="A16" s="6" t="s">
        <v>831</v>
      </c>
      <c r="B16" s="6">
        <v>4102522</v>
      </c>
      <c r="C16" s="7" t="s">
        <v>859</v>
      </c>
      <c r="D16" s="6" t="s">
        <v>46</v>
      </c>
      <c r="E16" s="7" t="s">
        <v>860</v>
      </c>
    </row>
    <row r="17" spans="1:5" s="8" customFormat="1" ht="28.5" customHeight="1" x14ac:dyDescent="0.15">
      <c r="A17" s="6" t="s">
        <v>831</v>
      </c>
      <c r="B17" s="6">
        <v>4102548</v>
      </c>
      <c r="C17" s="10" t="s">
        <v>861</v>
      </c>
      <c r="D17" s="6" t="s">
        <v>33</v>
      </c>
      <c r="E17" s="7" t="s">
        <v>862</v>
      </c>
    </row>
    <row r="18" spans="1:5" s="8" customFormat="1" ht="28.5" customHeight="1" x14ac:dyDescent="0.15">
      <c r="A18" s="6" t="s">
        <v>831</v>
      </c>
      <c r="B18" s="6">
        <v>4102597</v>
      </c>
      <c r="C18" s="10" t="s">
        <v>863</v>
      </c>
      <c r="D18" s="6" t="s">
        <v>47</v>
      </c>
      <c r="E18" s="7" t="s">
        <v>864</v>
      </c>
    </row>
    <row r="19" spans="1:5" s="8" customFormat="1" ht="28.5" customHeight="1" x14ac:dyDescent="0.15">
      <c r="A19" s="6" t="s">
        <v>831</v>
      </c>
      <c r="B19" s="6">
        <v>4102613</v>
      </c>
      <c r="C19" s="7" t="s">
        <v>865</v>
      </c>
      <c r="D19" s="6" t="s">
        <v>35</v>
      </c>
      <c r="E19" s="7" t="s">
        <v>866</v>
      </c>
    </row>
    <row r="20" spans="1:5" s="8" customFormat="1" ht="28.5" customHeight="1" x14ac:dyDescent="0.15">
      <c r="A20" s="6" t="s">
        <v>831</v>
      </c>
      <c r="B20" s="6">
        <v>4102621</v>
      </c>
      <c r="C20" s="10" t="s">
        <v>867</v>
      </c>
      <c r="D20" s="6" t="s">
        <v>40</v>
      </c>
      <c r="E20" s="7" t="s">
        <v>868</v>
      </c>
    </row>
    <row r="21" spans="1:5" s="8" customFormat="1" ht="28.5" customHeight="1" x14ac:dyDescent="0.15">
      <c r="A21" s="6" t="s">
        <v>831</v>
      </c>
      <c r="B21" s="6">
        <v>4102670</v>
      </c>
      <c r="C21" s="10" t="s">
        <v>869</v>
      </c>
      <c r="D21" s="6" t="s">
        <v>47</v>
      </c>
      <c r="E21" s="7" t="s">
        <v>870</v>
      </c>
    </row>
    <row r="22" spans="1:5" s="8" customFormat="1" ht="28.5" customHeight="1" x14ac:dyDescent="0.15">
      <c r="A22" s="6" t="s">
        <v>831</v>
      </c>
      <c r="B22" s="6">
        <v>4102696</v>
      </c>
      <c r="C22" s="7" t="s">
        <v>871</v>
      </c>
      <c r="D22" s="6" t="s">
        <v>48</v>
      </c>
      <c r="E22" s="7" t="s">
        <v>872</v>
      </c>
    </row>
    <row r="23" spans="1:5" s="8" customFormat="1" ht="28.5" customHeight="1" x14ac:dyDescent="0.15">
      <c r="A23" s="6" t="s">
        <v>831</v>
      </c>
      <c r="B23" s="6" t="s">
        <v>49</v>
      </c>
      <c r="C23" s="10" t="s">
        <v>873</v>
      </c>
      <c r="D23" s="6" t="s">
        <v>33</v>
      </c>
      <c r="E23" s="7" t="s">
        <v>874</v>
      </c>
    </row>
    <row r="24" spans="1:5" s="8" customFormat="1" ht="28.5" customHeight="1" x14ac:dyDescent="0.15">
      <c r="A24" s="6" t="s">
        <v>831</v>
      </c>
      <c r="B24" s="6">
        <v>4102753</v>
      </c>
      <c r="C24" s="10" t="s">
        <v>875</v>
      </c>
      <c r="D24" s="6" t="s">
        <v>39</v>
      </c>
      <c r="E24" s="7" t="s">
        <v>876</v>
      </c>
    </row>
    <row r="25" spans="1:5" s="8" customFormat="1" ht="28.5" customHeight="1" x14ac:dyDescent="0.15">
      <c r="A25" s="6" t="s">
        <v>831</v>
      </c>
      <c r="B25" s="6">
        <v>4102761</v>
      </c>
      <c r="C25" s="7" t="s">
        <v>877</v>
      </c>
      <c r="D25" s="6" t="s">
        <v>50</v>
      </c>
      <c r="E25" s="7" t="s">
        <v>878</v>
      </c>
    </row>
    <row r="26" spans="1:5" s="8" customFormat="1" ht="28.5" customHeight="1" x14ac:dyDescent="0.15">
      <c r="A26" s="6" t="s">
        <v>831</v>
      </c>
      <c r="B26" s="6">
        <v>4102803</v>
      </c>
      <c r="C26" s="7" t="s">
        <v>879</v>
      </c>
      <c r="D26" s="6" t="s">
        <v>51</v>
      </c>
      <c r="E26" s="7" t="s">
        <v>880</v>
      </c>
    </row>
    <row r="27" spans="1:5" s="8" customFormat="1" ht="28.5" customHeight="1" x14ac:dyDescent="0.15">
      <c r="A27" s="6" t="s">
        <v>831</v>
      </c>
      <c r="B27" s="6">
        <v>4102811</v>
      </c>
      <c r="C27" s="7" t="s">
        <v>881</v>
      </c>
      <c r="D27" s="6" t="s">
        <v>52</v>
      </c>
      <c r="E27" s="7" t="s">
        <v>882</v>
      </c>
    </row>
    <row r="28" spans="1:5" s="8" customFormat="1" ht="28.5" customHeight="1" x14ac:dyDescent="0.15">
      <c r="A28" s="6" t="s">
        <v>831</v>
      </c>
      <c r="B28" s="6">
        <v>4102829</v>
      </c>
      <c r="C28" s="12" t="s">
        <v>883</v>
      </c>
      <c r="D28" s="6" t="s">
        <v>39</v>
      </c>
      <c r="E28" s="7" t="s">
        <v>884</v>
      </c>
    </row>
    <row r="29" spans="1:5" s="8" customFormat="1" ht="28.5" customHeight="1" x14ac:dyDescent="0.15">
      <c r="A29" s="6" t="s">
        <v>831</v>
      </c>
      <c r="B29" s="6">
        <v>4102845</v>
      </c>
      <c r="C29" s="12" t="s">
        <v>885</v>
      </c>
      <c r="D29" s="6" t="s">
        <v>53</v>
      </c>
      <c r="E29" s="7" t="s">
        <v>54</v>
      </c>
    </row>
    <row r="30" spans="1:5" s="8" customFormat="1" ht="28.5" customHeight="1" x14ac:dyDescent="0.15">
      <c r="A30" s="6" t="s">
        <v>831</v>
      </c>
      <c r="B30" s="6">
        <v>4102852</v>
      </c>
      <c r="C30" s="12" t="s">
        <v>886</v>
      </c>
      <c r="D30" s="6" t="s">
        <v>33</v>
      </c>
      <c r="E30" s="7" t="s">
        <v>887</v>
      </c>
    </row>
    <row r="31" spans="1:5" s="8" customFormat="1" ht="28.5" customHeight="1" x14ac:dyDescent="0.15">
      <c r="A31" s="6" t="s">
        <v>831</v>
      </c>
      <c r="B31" s="6">
        <v>4102928</v>
      </c>
      <c r="C31" s="13" t="s">
        <v>888</v>
      </c>
      <c r="D31" s="6" t="s">
        <v>39</v>
      </c>
      <c r="E31" s="7" t="s">
        <v>889</v>
      </c>
    </row>
    <row r="32" spans="1:5" s="8" customFormat="1" ht="28.5" customHeight="1" x14ac:dyDescent="0.15">
      <c r="A32" s="6" t="s">
        <v>831</v>
      </c>
      <c r="B32" s="6">
        <v>4102936</v>
      </c>
      <c r="C32" s="7" t="s">
        <v>890</v>
      </c>
      <c r="D32" s="6" t="s">
        <v>55</v>
      </c>
      <c r="E32" s="7" t="s">
        <v>891</v>
      </c>
    </row>
    <row r="33" spans="1:5" s="8" customFormat="1" ht="28.5" customHeight="1" x14ac:dyDescent="0.15">
      <c r="A33" s="6" t="s">
        <v>831</v>
      </c>
      <c r="B33" s="6">
        <v>4103033</v>
      </c>
      <c r="C33" s="7" t="s">
        <v>892</v>
      </c>
      <c r="D33" s="6" t="s">
        <v>56</v>
      </c>
      <c r="E33" s="7" t="s">
        <v>893</v>
      </c>
    </row>
    <row r="34" spans="1:5" s="8" customFormat="1" ht="28.5" customHeight="1" x14ac:dyDescent="0.15">
      <c r="A34" s="9" t="s">
        <v>831</v>
      </c>
      <c r="B34" s="9">
        <v>4103058</v>
      </c>
      <c r="C34" s="10" t="s">
        <v>57</v>
      </c>
      <c r="D34" s="9" t="s">
        <v>58</v>
      </c>
      <c r="E34" s="7" t="s">
        <v>894</v>
      </c>
    </row>
    <row r="35" spans="1:5" s="8" customFormat="1" ht="28.5" customHeight="1" x14ac:dyDescent="0.15">
      <c r="A35" s="6" t="s">
        <v>831</v>
      </c>
      <c r="B35" s="6">
        <v>4103082</v>
      </c>
      <c r="C35" s="7" t="s">
        <v>895</v>
      </c>
      <c r="D35" s="6" t="s">
        <v>55</v>
      </c>
      <c r="E35" s="7" t="s">
        <v>896</v>
      </c>
    </row>
    <row r="36" spans="1:5" s="8" customFormat="1" ht="28.5" customHeight="1" x14ac:dyDescent="0.15">
      <c r="A36" s="6" t="s">
        <v>831</v>
      </c>
      <c r="B36" s="6">
        <v>4103090</v>
      </c>
      <c r="C36" s="7" t="s">
        <v>897</v>
      </c>
      <c r="D36" s="6" t="s">
        <v>48</v>
      </c>
      <c r="E36" s="7" t="s">
        <v>898</v>
      </c>
    </row>
    <row r="37" spans="1:5" s="8" customFormat="1" ht="28.5" customHeight="1" x14ac:dyDescent="0.15">
      <c r="A37" s="6" t="s">
        <v>831</v>
      </c>
      <c r="B37" s="6" t="s">
        <v>59</v>
      </c>
      <c r="C37" s="7" t="s">
        <v>899</v>
      </c>
      <c r="D37" s="6" t="s">
        <v>60</v>
      </c>
      <c r="E37" s="7" t="s">
        <v>900</v>
      </c>
    </row>
    <row r="38" spans="1:5" s="8" customFormat="1" ht="28.5" customHeight="1" x14ac:dyDescent="0.15">
      <c r="A38" s="6" t="s">
        <v>831</v>
      </c>
      <c r="B38" s="6" t="s">
        <v>61</v>
      </c>
      <c r="C38" s="7" t="s">
        <v>859</v>
      </c>
      <c r="D38" s="6" t="s">
        <v>33</v>
      </c>
      <c r="E38" s="7" t="s">
        <v>901</v>
      </c>
    </row>
    <row r="39" spans="1:5" s="8" customFormat="1" ht="28.5" customHeight="1" x14ac:dyDescent="0.15">
      <c r="A39" s="6" t="s">
        <v>831</v>
      </c>
      <c r="B39" s="6">
        <v>4103165</v>
      </c>
      <c r="C39" s="7" t="s">
        <v>902</v>
      </c>
      <c r="D39" s="6" t="s">
        <v>33</v>
      </c>
      <c r="E39" s="7" t="s">
        <v>903</v>
      </c>
    </row>
    <row r="40" spans="1:5" s="8" customFormat="1" ht="28.5" customHeight="1" x14ac:dyDescent="0.15">
      <c r="A40" s="6" t="s">
        <v>831</v>
      </c>
      <c r="B40" s="6">
        <v>4103181</v>
      </c>
      <c r="C40" s="7" t="s">
        <v>904</v>
      </c>
      <c r="D40" s="6" t="s">
        <v>0</v>
      </c>
      <c r="E40" s="7" t="s">
        <v>905</v>
      </c>
    </row>
    <row r="41" spans="1:5" s="8" customFormat="1" ht="28.5" customHeight="1" x14ac:dyDescent="0.15">
      <c r="A41" s="6" t="s">
        <v>831</v>
      </c>
      <c r="B41" s="6">
        <v>4103207</v>
      </c>
      <c r="C41" s="7" t="s">
        <v>906</v>
      </c>
      <c r="D41" s="6" t="s">
        <v>33</v>
      </c>
      <c r="E41" s="7" t="s">
        <v>907</v>
      </c>
    </row>
    <row r="42" spans="1:5" s="8" customFormat="1" ht="28.5" customHeight="1" x14ac:dyDescent="0.15">
      <c r="A42" s="6" t="s">
        <v>831</v>
      </c>
      <c r="B42" s="6">
        <v>4103223</v>
      </c>
      <c r="C42" s="7" t="s">
        <v>908</v>
      </c>
      <c r="D42" s="6" t="s">
        <v>56</v>
      </c>
      <c r="E42" s="7" t="s">
        <v>909</v>
      </c>
    </row>
    <row r="43" spans="1:5" s="8" customFormat="1" ht="28.5" customHeight="1" x14ac:dyDescent="0.15">
      <c r="A43" s="6" t="s">
        <v>831</v>
      </c>
      <c r="B43" s="6">
        <v>4103256</v>
      </c>
      <c r="C43" s="7" t="s">
        <v>910</v>
      </c>
      <c r="D43" s="6" t="s">
        <v>55</v>
      </c>
      <c r="E43" s="7" t="s">
        <v>911</v>
      </c>
    </row>
    <row r="44" spans="1:5" s="8" customFormat="1" ht="28.5" customHeight="1" x14ac:dyDescent="0.15">
      <c r="A44" s="6" t="s">
        <v>831</v>
      </c>
      <c r="B44" s="6">
        <v>4103264</v>
      </c>
      <c r="C44" s="7" t="s">
        <v>912</v>
      </c>
      <c r="D44" s="6" t="s">
        <v>39</v>
      </c>
      <c r="E44" s="7" t="s">
        <v>913</v>
      </c>
    </row>
    <row r="45" spans="1:5" s="8" customFormat="1" ht="28.5" customHeight="1" x14ac:dyDescent="0.15">
      <c r="A45" s="6" t="s">
        <v>831</v>
      </c>
      <c r="B45" s="6">
        <v>4103272</v>
      </c>
      <c r="C45" s="7" t="s">
        <v>914</v>
      </c>
      <c r="D45" s="6" t="s">
        <v>51</v>
      </c>
      <c r="E45" s="7" t="s">
        <v>915</v>
      </c>
    </row>
    <row r="46" spans="1:5" s="8" customFormat="1" ht="28.5" customHeight="1" x14ac:dyDescent="0.15">
      <c r="A46" s="6" t="s">
        <v>831</v>
      </c>
      <c r="B46" s="6">
        <v>4103306</v>
      </c>
      <c r="C46" s="7" t="s">
        <v>916</v>
      </c>
      <c r="D46" s="6" t="s">
        <v>33</v>
      </c>
      <c r="E46" s="7" t="s">
        <v>917</v>
      </c>
    </row>
    <row r="47" spans="1:5" s="8" customFormat="1" ht="28.5" customHeight="1" x14ac:dyDescent="0.15">
      <c r="A47" s="6" t="s">
        <v>831</v>
      </c>
      <c r="B47" s="6" t="s">
        <v>62</v>
      </c>
      <c r="C47" s="7" t="s">
        <v>918</v>
      </c>
      <c r="D47" s="6" t="s">
        <v>40</v>
      </c>
      <c r="E47" s="7" t="s">
        <v>919</v>
      </c>
    </row>
    <row r="48" spans="1:5" s="8" customFormat="1" ht="28.5" customHeight="1" x14ac:dyDescent="0.15">
      <c r="A48" s="6" t="s">
        <v>831</v>
      </c>
      <c r="B48" s="6">
        <v>4103348</v>
      </c>
      <c r="C48" s="7" t="s">
        <v>920</v>
      </c>
      <c r="D48" s="6" t="s">
        <v>33</v>
      </c>
      <c r="E48" s="7" t="s">
        <v>921</v>
      </c>
    </row>
    <row r="49" spans="1:5" s="8" customFormat="1" ht="28.5" customHeight="1" x14ac:dyDescent="0.15">
      <c r="A49" s="6" t="s">
        <v>831</v>
      </c>
      <c r="B49" s="6">
        <v>4103355</v>
      </c>
      <c r="C49" s="7" t="s">
        <v>922</v>
      </c>
      <c r="D49" s="6" t="s">
        <v>33</v>
      </c>
      <c r="E49" s="7" t="s">
        <v>923</v>
      </c>
    </row>
    <row r="50" spans="1:5" s="8" customFormat="1" ht="28.5" customHeight="1" x14ac:dyDescent="0.15">
      <c r="A50" s="6" t="s">
        <v>831</v>
      </c>
      <c r="B50" s="6">
        <v>4103363</v>
      </c>
      <c r="C50" s="7" t="s">
        <v>924</v>
      </c>
      <c r="D50" s="6" t="s">
        <v>33</v>
      </c>
      <c r="E50" s="7" t="s">
        <v>925</v>
      </c>
    </row>
    <row r="51" spans="1:5" s="8" customFormat="1" ht="28.5" customHeight="1" x14ac:dyDescent="0.15">
      <c r="A51" s="6" t="s">
        <v>831</v>
      </c>
      <c r="B51" s="6">
        <v>4103389</v>
      </c>
      <c r="C51" s="7" t="s">
        <v>926</v>
      </c>
      <c r="D51" s="6" t="s">
        <v>40</v>
      </c>
      <c r="E51" s="7" t="s">
        <v>927</v>
      </c>
    </row>
    <row r="52" spans="1:5" s="8" customFormat="1" ht="28.5" customHeight="1" x14ac:dyDescent="0.15">
      <c r="A52" s="6" t="s">
        <v>831</v>
      </c>
      <c r="B52" s="6">
        <v>4103397</v>
      </c>
      <c r="C52" s="7" t="s">
        <v>928</v>
      </c>
      <c r="D52" s="6" t="s">
        <v>33</v>
      </c>
      <c r="E52" s="7" t="s">
        <v>929</v>
      </c>
    </row>
    <row r="53" spans="1:5" s="8" customFormat="1" ht="28.5" customHeight="1" x14ac:dyDescent="0.15">
      <c r="A53" s="6" t="s">
        <v>831</v>
      </c>
      <c r="B53" s="6">
        <v>4103413</v>
      </c>
      <c r="C53" s="7" t="s">
        <v>930</v>
      </c>
      <c r="D53" s="6" t="s">
        <v>33</v>
      </c>
      <c r="E53" s="7" t="s">
        <v>931</v>
      </c>
    </row>
    <row r="54" spans="1:5" s="8" customFormat="1" ht="28.5" customHeight="1" x14ac:dyDescent="0.15">
      <c r="A54" s="6" t="s">
        <v>831</v>
      </c>
      <c r="B54" s="6">
        <v>4103439</v>
      </c>
      <c r="C54" s="7" t="s">
        <v>932</v>
      </c>
      <c r="D54" s="6" t="s">
        <v>51</v>
      </c>
      <c r="E54" s="7" t="s">
        <v>933</v>
      </c>
    </row>
    <row r="55" spans="1:5" s="8" customFormat="1" ht="28.5" customHeight="1" x14ac:dyDescent="0.15">
      <c r="A55" s="6" t="s">
        <v>831</v>
      </c>
      <c r="B55" s="6">
        <v>4103488</v>
      </c>
      <c r="C55" s="7" t="s">
        <v>934</v>
      </c>
      <c r="D55" s="6" t="s">
        <v>40</v>
      </c>
      <c r="E55" s="7" t="s">
        <v>935</v>
      </c>
    </row>
    <row r="56" spans="1:5" s="8" customFormat="1" ht="28.5" customHeight="1" x14ac:dyDescent="0.15">
      <c r="A56" s="6" t="s">
        <v>831</v>
      </c>
      <c r="B56" s="6">
        <v>4103496</v>
      </c>
      <c r="C56" s="7" t="s">
        <v>936</v>
      </c>
      <c r="D56" s="6" t="s">
        <v>33</v>
      </c>
      <c r="E56" s="7" t="s">
        <v>937</v>
      </c>
    </row>
    <row r="57" spans="1:5" s="8" customFormat="1" ht="28.5" customHeight="1" x14ac:dyDescent="0.15">
      <c r="A57" s="6" t="s">
        <v>831</v>
      </c>
      <c r="B57" s="6" t="s">
        <v>63</v>
      </c>
      <c r="C57" s="7" t="s">
        <v>938</v>
      </c>
      <c r="D57" s="6" t="s">
        <v>39</v>
      </c>
      <c r="E57" s="7" t="s">
        <v>939</v>
      </c>
    </row>
    <row r="58" spans="1:5" s="8" customFormat="1" ht="28.5" customHeight="1" x14ac:dyDescent="0.15">
      <c r="A58" s="6" t="s">
        <v>831</v>
      </c>
      <c r="B58" s="6" t="s">
        <v>64</v>
      </c>
      <c r="C58" s="7" t="s">
        <v>940</v>
      </c>
      <c r="D58" s="6" t="s">
        <v>35</v>
      </c>
      <c r="E58" s="7" t="s">
        <v>941</v>
      </c>
    </row>
    <row r="59" spans="1:5" s="8" customFormat="1" ht="28.5" customHeight="1" x14ac:dyDescent="0.15">
      <c r="A59" s="6" t="s">
        <v>831</v>
      </c>
      <c r="B59" s="6" t="s">
        <v>65</v>
      </c>
      <c r="C59" s="7" t="s">
        <v>942</v>
      </c>
      <c r="D59" s="6" t="s">
        <v>35</v>
      </c>
      <c r="E59" s="7" t="s">
        <v>943</v>
      </c>
    </row>
    <row r="60" spans="1:5" s="8" customFormat="1" ht="28.5" customHeight="1" x14ac:dyDescent="0.15">
      <c r="A60" s="6" t="s">
        <v>831</v>
      </c>
      <c r="B60" s="6" t="s">
        <v>66</v>
      </c>
      <c r="C60" s="7" t="s">
        <v>944</v>
      </c>
      <c r="D60" s="6" t="s">
        <v>35</v>
      </c>
      <c r="E60" s="7" t="s">
        <v>945</v>
      </c>
    </row>
    <row r="61" spans="1:5" s="8" customFormat="1" ht="28.5" customHeight="1" x14ac:dyDescent="0.15">
      <c r="A61" s="6" t="s">
        <v>831</v>
      </c>
      <c r="B61" s="6" t="s">
        <v>67</v>
      </c>
      <c r="C61" s="7" t="s">
        <v>946</v>
      </c>
      <c r="D61" s="6" t="s">
        <v>56</v>
      </c>
      <c r="E61" s="7" t="s">
        <v>947</v>
      </c>
    </row>
    <row r="62" spans="1:5" s="8" customFormat="1" ht="28.5" customHeight="1" x14ac:dyDescent="0.15">
      <c r="A62" s="6" t="s">
        <v>831</v>
      </c>
      <c r="B62" s="6" t="s">
        <v>68</v>
      </c>
      <c r="C62" s="7" t="s">
        <v>948</v>
      </c>
      <c r="D62" s="6" t="s">
        <v>60</v>
      </c>
      <c r="E62" s="7" t="s">
        <v>949</v>
      </c>
    </row>
    <row r="63" spans="1:5" s="8" customFormat="1" ht="28.5" customHeight="1" x14ac:dyDescent="0.15">
      <c r="A63" s="6" t="s">
        <v>831</v>
      </c>
      <c r="B63" s="6" t="s">
        <v>69</v>
      </c>
      <c r="C63" s="7" t="s">
        <v>950</v>
      </c>
      <c r="D63" s="6" t="s">
        <v>53</v>
      </c>
      <c r="E63" s="7" t="s">
        <v>951</v>
      </c>
    </row>
    <row r="64" spans="1:5" s="8" customFormat="1" ht="28.5" customHeight="1" x14ac:dyDescent="0.15">
      <c r="A64" s="6" t="s">
        <v>831</v>
      </c>
      <c r="B64" s="6" t="s">
        <v>70</v>
      </c>
      <c r="C64" s="7" t="s">
        <v>952</v>
      </c>
      <c r="D64" s="6" t="s">
        <v>71</v>
      </c>
      <c r="E64" s="7" t="s">
        <v>953</v>
      </c>
    </row>
    <row r="65" spans="1:5" s="8" customFormat="1" ht="28.5" customHeight="1" x14ac:dyDescent="0.15">
      <c r="A65" s="6" t="s">
        <v>831</v>
      </c>
      <c r="B65" s="6" t="s">
        <v>72</v>
      </c>
      <c r="C65" s="7" t="s">
        <v>954</v>
      </c>
      <c r="D65" s="6" t="s">
        <v>35</v>
      </c>
      <c r="E65" s="7" t="s">
        <v>955</v>
      </c>
    </row>
    <row r="66" spans="1:5" s="8" customFormat="1" ht="28.5" customHeight="1" x14ac:dyDescent="0.15">
      <c r="A66" s="6" t="s">
        <v>831</v>
      </c>
      <c r="B66" s="6" t="s">
        <v>73</v>
      </c>
      <c r="C66" s="7" t="s">
        <v>956</v>
      </c>
      <c r="D66" s="6" t="s">
        <v>74</v>
      </c>
      <c r="E66" s="7" t="s">
        <v>957</v>
      </c>
    </row>
    <row r="67" spans="1:5" s="8" customFormat="1" ht="28.5" customHeight="1" x14ac:dyDescent="0.15">
      <c r="A67" s="6" t="s">
        <v>831</v>
      </c>
      <c r="B67" s="6" t="s">
        <v>75</v>
      </c>
      <c r="C67" s="7" t="s">
        <v>958</v>
      </c>
      <c r="D67" s="6" t="s">
        <v>52</v>
      </c>
      <c r="E67" s="7" t="s">
        <v>959</v>
      </c>
    </row>
    <row r="68" spans="1:5" s="8" customFormat="1" ht="28.5" customHeight="1" x14ac:dyDescent="0.15">
      <c r="A68" s="6" t="s">
        <v>831</v>
      </c>
      <c r="B68" s="6" t="s">
        <v>76</v>
      </c>
      <c r="C68" s="7" t="s">
        <v>3406</v>
      </c>
      <c r="D68" s="6" t="s">
        <v>77</v>
      </c>
      <c r="E68" s="7" t="s">
        <v>3422</v>
      </c>
    </row>
    <row r="69" spans="1:5" s="8" customFormat="1" ht="28.5" customHeight="1" x14ac:dyDescent="0.15">
      <c r="A69" s="6" t="s">
        <v>831</v>
      </c>
      <c r="B69" s="6" t="s">
        <v>78</v>
      </c>
      <c r="C69" s="7" t="s">
        <v>960</v>
      </c>
      <c r="D69" s="6" t="s">
        <v>39</v>
      </c>
      <c r="E69" s="7" t="s">
        <v>961</v>
      </c>
    </row>
    <row r="70" spans="1:5" s="8" customFormat="1" ht="28.5" customHeight="1" x14ac:dyDescent="0.15">
      <c r="A70" s="6" t="s">
        <v>831</v>
      </c>
      <c r="B70" s="6">
        <v>4103660</v>
      </c>
      <c r="C70" s="7" t="s">
        <v>962</v>
      </c>
      <c r="D70" s="6" t="s">
        <v>79</v>
      </c>
      <c r="E70" s="7" t="s">
        <v>963</v>
      </c>
    </row>
    <row r="71" spans="1:5" s="8" customFormat="1" ht="28.5" customHeight="1" x14ac:dyDescent="0.15">
      <c r="A71" s="6" t="s">
        <v>831</v>
      </c>
      <c r="B71" s="6" t="s">
        <v>80</v>
      </c>
      <c r="C71" s="7" t="s">
        <v>964</v>
      </c>
      <c r="D71" s="6" t="s">
        <v>33</v>
      </c>
      <c r="E71" s="7" t="s">
        <v>965</v>
      </c>
    </row>
    <row r="72" spans="1:5" s="8" customFormat="1" ht="28.5" customHeight="1" x14ac:dyDescent="0.15">
      <c r="A72" s="6" t="s">
        <v>831</v>
      </c>
      <c r="B72" s="6">
        <v>4103686</v>
      </c>
      <c r="C72" s="18" t="s">
        <v>966</v>
      </c>
      <c r="D72" s="6" t="s">
        <v>35</v>
      </c>
      <c r="E72" s="19" t="s">
        <v>967</v>
      </c>
    </row>
    <row r="73" spans="1:5" s="8" customFormat="1" ht="28.5" customHeight="1" x14ac:dyDescent="0.15">
      <c r="A73" s="6" t="s">
        <v>831</v>
      </c>
      <c r="B73" s="6">
        <v>4103702</v>
      </c>
      <c r="C73" s="7" t="s">
        <v>968</v>
      </c>
      <c r="D73" s="6" t="s">
        <v>81</v>
      </c>
      <c r="E73" s="7" t="s">
        <v>969</v>
      </c>
    </row>
    <row r="74" spans="1:5" s="8" customFormat="1" ht="28.5" customHeight="1" x14ac:dyDescent="0.15">
      <c r="A74" s="6" t="s">
        <v>831</v>
      </c>
      <c r="B74" s="6">
        <v>4103710</v>
      </c>
      <c r="C74" s="7" t="s">
        <v>970</v>
      </c>
      <c r="D74" s="6" t="s">
        <v>971</v>
      </c>
      <c r="E74" s="7" t="s">
        <v>972</v>
      </c>
    </row>
    <row r="75" spans="1:5" s="8" customFormat="1" ht="28.5" customHeight="1" x14ac:dyDescent="0.15">
      <c r="A75" s="6" t="s">
        <v>831</v>
      </c>
      <c r="B75" s="6">
        <v>4103744</v>
      </c>
      <c r="C75" s="7" t="s">
        <v>973</v>
      </c>
      <c r="D75" s="6" t="s">
        <v>41</v>
      </c>
      <c r="E75" s="7" t="s">
        <v>974</v>
      </c>
    </row>
    <row r="76" spans="1:5" s="8" customFormat="1" ht="28.5" customHeight="1" x14ac:dyDescent="0.15">
      <c r="A76" s="6" t="s">
        <v>831</v>
      </c>
      <c r="B76" s="6" t="s">
        <v>82</v>
      </c>
      <c r="C76" s="7" t="s">
        <v>975</v>
      </c>
      <c r="D76" s="6" t="s">
        <v>33</v>
      </c>
      <c r="E76" s="7" t="s">
        <v>976</v>
      </c>
    </row>
    <row r="77" spans="1:5" s="8" customFormat="1" ht="28.5" customHeight="1" x14ac:dyDescent="0.15">
      <c r="A77" s="6" t="s">
        <v>831</v>
      </c>
      <c r="B77" s="6" t="s">
        <v>83</v>
      </c>
      <c r="C77" s="7" t="s">
        <v>977</v>
      </c>
      <c r="D77" s="6" t="s">
        <v>84</v>
      </c>
      <c r="E77" s="7" t="s">
        <v>978</v>
      </c>
    </row>
    <row r="78" spans="1:5" s="8" customFormat="1" ht="28.5" customHeight="1" x14ac:dyDescent="0.15">
      <c r="A78" s="6" t="s">
        <v>831</v>
      </c>
      <c r="B78" s="6" t="s">
        <v>85</v>
      </c>
      <c r="C78" s="7" t="s">
        <v>979</v>
      </c>
      <c r="D78" s="6" t="s">
        <v>35</v>
      </c>
      <c r="E78" s="7" t="s">
        <v>980</v>
      </c>
    </row>
    <row r="79" spans="1:5" s="8" customFormat="1" ht="28.5" customHeight="1" x14ac:dyDescent="0.15">
      <c r="A79" s="6" t="s">
        <v>831</v>
      </c>
      <c r="B79" s="6" t="s">
        <v>86</v>
      </c>
      <c r="C79" s="7" t="s">
        <v>981</v>
      </c>
      <c r="D79" s="6" t="s">
        <v>33</v>
      </c>
      <c r="E79" s="7" t="s">
        <v>982</v>
      </c>
    </row>
    <row r="80" spans="1:5" s="8" customFormat="1" ht="28.5" customHeight="1" x14ac:dyDescent="0.15">
      <c r="A80" s="6" t="s">
        <v>831</v>
      </c>
      <c r="B80" s="6" t="s">
        <v>983</v>
      </c>
      <c r="C80" s="7" t="s">
        <v>984</v>
      </c>
      <c r="D80" s="6" t="s">
        <v>36</v>
      </c>
      <c r="E80" s="7" t="s">
        <v>985</v>
      </c>
    </row>
    <row r="81" spans="1:5" s="8" customFormat="1" ht="28.5" customHeight="1" x14ac:dyDescent="0.15">
      <c r="A81" s="6" t="s">
        <v>831</v>
      </c>
      <c r="B81" s="6" t="s">
        <v>986</v>
      </c>
      <c r="C81" s="7" t="s">
        <v>987</v>
      </c>
      <c r="D81" s="6" t="s">
        <v>36</v>
      </c>
      <c r="E81" s="7" t="s">
        <v>988</v>
      </c>
    </row>
    <row r="82" spans="1:5" s="8" customFormat="1" ht="28.5" customHeight="1" x14ac:dyDescent="0.15">
      <c r="A82" s="6" t="s">
        <v>989</v>
      </c>
      <c r="B82" s="6" t="s">
        <v>990</v>
      </c>
      <c r="C82" s="7" t="s">
        <v>3424</v>
      </c>
      <c r="D82" s="6" t="s">
        <v>35</v>
      </c>
      <c r="E82" s="7" t="s">
        <v>991</v>
      </c>
    </row>
    <row r="83" spans="1:5" s="8" customFormat="1" ht="28.5" customHeight="1" x14ac:dyDescent="0.15">
      <c r="A83" s="6" t="s">
        <v>992</v>
      </c>
      <c r="B83" s="6">
        <v>5200218</v>
      </c>
      <c r="C83" s="7" t="s">
        <v>993</v>
      </c>
      <c r="D83" s="6" t="s">
        <v>87</v>
      </c>
      <c r="E83" s="7" t="s">
        <v>994</v>
      </c>
    </row>
    <row r="84" spans="1:5" s="8" customFormat="1" ht="28.5" customHeight="1" x14ac:dyDescent="0.15">
      <c r="A84" s="6" t="s">
        <v>992</v>
      </c>
      <c r="B84" s="6">
        <v>5200689</v>
      </c>
      <c r="C84" s="7" t="s">
        <v>88</v>
      </c>
      <c r="D84" s="6" t="s">
        <v>87</v>
      </c>
      <c r="E84" s="7" t="s">
        <v>995</v>
      </c>
    </row>
    <row r="85" spans="1:5" s="8" customFormat="1" ht="28.5" customHeight="1" x14ac:dyDescent="0.15">
      <c r="A85" s="6" t="s">
        <v>992</v>
      </c>
      <c r="B85" s="6">
        <v>5200747</v>
      </c>
      <c r="C85" s="7" t="s">
        <v>996</v>
      </c>
      <c r="D85" s="6" t="s">
        <v>1</v>
      </c>
      <c r="E85" s="7" t="s">
        <v>997</v>
      </c>
    </row>
    <row r="86" spans="1:5" s="8" customFormat="1" ht="28.5" customHeight="1" x14ac:dyDescent="0.15">
      <c r="A86" s="6" t="s">
        <v>992</v>
      </c>
      <c r="B86" s="6">
        <v>5200804</v>
      </c>
      <c r="C86" s="7" t="s">
        <v>998</v>
      </c>
      <c r="D86" s="6" t="s">
        <v>89</v>
      </c>
      <c r="E86" s="7" t="s">
        <v>999</v>
      </c>
    </row>
    <row r="87" spans="1:5" s="8" customFormat="1" ht="28.5" customHeight="1" x14ac:dyDescent="0.15">
      <c r="A87" s="6" t="s">
        <v>992</v>
      </c>
      <c r="B87" s="6">
        <v>5200846</v>
      </c>
      <c r="C87" s="7" t="s">
        <v>1000</v>
      </c>
      <c r="D87" s="6" t="s">
        <v>90</v>
      </c>
      <c r="E87" s="7" t="s">
        <v>1001</v>
      </c>
    </row>
    <row r="88" spans="1:5" s="8" customFormat="1" ht="28.5" customHeight="1" x14ac:dyDescent="0.15">
      <c r="A88" s="6" t="s">
        <v>992</v>
      </c>
      <c r="B88" s="6">
        <v>5200911</v>
      </c>
      <c r="C88" s="7" t="s">
        <v>1002</v>
      </c>
      <c r="D88" s="6" t="s">
        <v>91</v>
      </c>
      <c r="E88" s="7" t="s">
        <v>1003</v>
      </c>
    </row>
    <row r="89" spans="1:5" s="8" customFormat="1" ht="28.5" customHeight="1" x14ac:dyDescent="0.15">
      <c r="A89" s="6" t="s">
        <v>992</v>
      </c>
      <c r="B89" s="6">
        <v>5200929</v>
      </c>
      <c r="C89" s="7" t="s">
        <v>1004</v>
      </c>
      <c r="D89" s="6" t="s">
        <v>1</v>
      </c>
      <c r="E89" s="7" t="s">
        <v>1005</v>
      </c>
    </row>
    <row r="90" spans="1:5" s="8" customFormat="1" ht="28.5" customHeight="1" x14ac:dyDescent="0.15">
      <c r="A90" s="6" t="s">
        <v>992</v>
      </c>
      <c r="B90" s="6">
        <v>5200945</v>
      </c>
      <c r="C90" s="7" t="s">
        <v>922</v>
      </c>
      <c r="D90" s="6" t="s">
        <v>2</v>
      </c>
      <c r="E90" s="7" t="s">
        <v>1006</v>
      </c>
    </row>
    <row r="91" spans="1:5" s="8" customFormat="1" ht="28.5" customHeight="1" x14ac:dyDescent="0.15">
      <c r="A91" s="6" t="s">
        <v>992</v>
      </c>
      <c r="B91" s="6">
        <v>5200978</v>
      </c>
      <c r="C91" s="7" t="s">
        <v>930</v>
      </c>
      <c r="D91" s="6" t="s">
        <v>93</v>
      </c>
      <c r="E91" s="7" t="s">
        <v>1007</v>
      </c>
    </row>
    <row r="92" spans="1:5" s="8" customFormat="1" ht="28.5" customHeight="1" x14ac:dyDescent="0.15">
      <c r="A92" s="6" t="s">
        <v>992</v>
      </c>
      <c r="B92" s="6">
        <v>5200994</v>
      </c>
      <c r="C92" s="7" t="s">
        <v>1008</v>
      </c>
      <c r="D92" s="6" t="s">
        <v>94</v>
      </c>
      <c r="E92" s="7" t="s">
        <v>1009</v>
      </c>
    </row>
    <row r="93" spans="1:5" s="8" customFormat="1" ht="28.5" customHeight="1" x14ac:dyDescent="0.15">
      <c r="A93" s="6" t="s">
        <v>992</v>
      </c>
      <c r="B93" s="6">
        <v>5201018</v>
      </c>
      <c r="C93" s="7" t="s">
        <v>1010</v>
      </c>
      <c r="D93" s="6" t="s">
        <v>91</v>
      </c>
      <c r="E93" s="7" t="s">
        <v>1011</v>
      </c>
    </row>
    <row r="94" spans="1:5" s="8" customFormat="1" ht="28.5" customHeight="1" x14ac:dyDescent="0.15">
      <c r="A94" s="6" t="s">
        <v>992</v>
      </c>
      <c r="B94" s="6">
        <v>5201034</v>
      </c>
      <c r="C94" s="7" t="s">
        <v>1012</v>
      </c>
      <c r="D94" s="6" t="s">
        <v>2</v>
      </c>
      <c r="E94" s="7" t="s">
        <v>1013</v>
      </c>
    </row>
    <row r="95" spans="1:5" s="8" customFormat="1" ht="28.5" customHeight="1" x14ac:dyDescent="0.15">
      <c r="A95" s="6" t="s">
        <v>992</v>
      </c>
      <c r="B95" s="6">
        <v>5201059</v>
      </c>
      <c r="C95" s="7" t="s">
        <v>1014</v>
      </c>
      <c r="D95" s="6" t="s">
        <v>1</v>
      </c>
      <c r="E95" s="7" t="s">
        <v>1015</v>
      </c>
    </row>
    <row r="96" spans="1:5" s="8" customFormat="1" ht="28.5" customHeight="1" x14ac:dyDescent="0.15">
      <c r="A96" s="6" t="s">
        <v>992</v>
      </c>
      <c r="B96" s="6">
        <v>5201091</v>
      </c>
      <c r="C96" s="7" t="s">
        <v>1016</v>
      </c>
      <c r="D96" s="6" t="s">
        <v>2</v>
      </c>
      <c r="E96" s="7" t="s">
        <v>1017</v>
      </c>
    </row>
    <row r="97" spans="1:5" s="8" customFormat="1" ht="28.5" customHeight="1" x14ac:dyDescent="0.15">
      <c r="A97" s="6" t="s">
        <v>992</v>
      </c>
      <c r="B97" s="6">
        <v>5201125</v>
      </c>
      <c r="C97" s="7" t="s">
        <v>1018</v>
      </c>
      <c r="D97" s="6" t="s">
        <v>95</v>
      </c>
      <c r="E97" s="7" t="s">
        <v>1019</v>
      </c>
    </row>
    <row r="98" spans="1:5" s="8" customFormat="1" ht="28.5" customHeight="1" x14ac:dyDescent="0.15">
      <c r="A98" s="6" t="s">
        <v>992</v>
      </c>
      <c r="B98" s="6">
        <v>5201257</v>
      </c>
      <c r="C98" s="7" t="s">
        <v>1020</v>
      </c>
      <c r="D98" s="6" t="s">
        <v>2</v>
      </c>
      <c r="E98" s="7" t="s">
        <v>1021</v>
      </c>
    </row>
    <row r="99" spans="1:5" s="8" customFormat="1" ht="28.5" customHeight="1" x14ac:dyDescent="0.15">
      <c r="A99" s="6" t="s">
        <v>992</v>
      </c>
      <c r="B99" s="6">
        <v>5201299</v>
      </c>
      <c r="C99" s="7" t="s">
        <v>930</v>
      </c>
      <c r="D99" s="6" t="s">
        <v>2</v>
      </c>
      <c r="E99" s="7" t="s">
        <v>1022</v>
      </c>
    </row>
    <row r="100" spans="1:5" s="8" customFormat="1" ht="28.5" customHeight="1" x14ac:dyDescent="0.15">
      <c r="A100" s="6" t="s">
        <v>992</v>
      </c>
      <c r="B100" s="6">
        <v>5201307</v>
      </c>
      <c r="C100" s="7" t="s">
        <v>1023</v>
      </c>
      <c r="D100" s="6" t="s">
        <v>1</v>
      </c>
      <c r="E100" s="7" t="s">
        <v>1024</v>
      </c>
    </row>
    <row r="101" spans="1:5" s="8" customFormat="1" ht="28.5" customHeight="1" x14ac:dyDescent="0.15">
      <c r="A101" s="6" t="s">
        <v>992</v>
      </c>
      <c r="B101" s="6">
        <v>5201331</v>
      </c>
      <c r="C101" s="7" t="s">
        <v>1025</v>
      </c>
      <c r="D101" s="6" t="s">
        <v>94</v>
      </c>
      <c r="E101" s="7" t="s">
        <v>1026</v>
      </c>
    </row>
    <row r="102" spans="1:5" s="8" customFormat="1" ht="28.5" customHeight="1" x14ac:dyDescent="0.15">
      <c r="A102" s="6" t="s">
        <v>992</v>
      </c>
      <c r="B102" s="6">
        <v>5201398</v>
      </c>
      <c r="C102" s="7" t="s">
        <v>930</v>
      </c>
      <c r="D102" s="6" t="s">
        <v>2</v>
      </c>
      <c r="E102" s="7" t="s">
        <v>1027</v>
      </c>
    </row>
    <row r="103" spans="1:5" s="8" customFormat="1" ht="28.5" customHeight="1" x14ac:dyDescent="0.15">
      <c r="A103" s="6" t="s">
        <v>992</v>
      </c>
      <c r="B103" s="6">
        <v>5201448</v>
      </c>
      <c r="C103" s="7" t="s">
        <v>922</v>
      </c>
      <c r="D103" s="6" t="s">
        <v>2</v>
      </c>
      <c r="E103" s="7" t="s">
        <v>1028</v>
      </c>
    </row>
    <row r="104" spans="1:5" s="8" customFormat="1" ht="28.5" customHeight="1" x14ac:dyDescent="0.15">
      <c r="A104" s="6" t="s">
        <v>992</v>
      </c>
      <c r="B104" s="6">
        <v>5201471</v>
      </c>
      <c r="C104" s="7" t="s">
        <v>96</v>
      </c>
      <c r="D104" s="6" t="s">
        <v>2</v>
      </c>
      <c r="E104" s="7" t="s">
        <v>1029</v>
      </c>
    </row>
    <row r="105" spans="1:5" s="8" customFormat="1" ht="28.5" customHeight="1" x14ac:dyDescent="0.15">
      <c r="A105" s="6" t="s">
        <v>992</v>
      </c>
      <c r="B105" s="6">
        <v>5201505</v>
      </c>
      <c r="C105" s="7" t="s">
        <v>922</v>
      </c>
      <c r="D105" s="6" t="s">
        <v>87</v>
      </c>
      <c r="E105" s="7" t="s">
        <v>1030</v>
      </c>
    </row>
    <row r="106" spans="1:5" s="8" customFormat="1" ht="28.5" customHeight="1" x14ac:dyDescent="0.15">
      <c r="A106" s="6" t="s">
        <v>992</v>
      </c>
      <c r="B106" s="6">
        <v>5201513</v>
      </c>
      <c r="C106" s="7" t="s">
        <v>1031</v>
      </c>
      <c r="D106" s="6" t="s">
        <v>94</v>
      </c>
      <c r="E106" s="7" t="s">
        <v>1032</v>
      </c>
    </row>
    <row r="107" spans="1:5" s="8" customFormat="1" ht="28.5" customHeight="1" x14ac:dyDescent="0.15">
      <c r="A107" s="6" t="s">
        <v>992</v>
      </c>
      <c r="B107" s="6">
        <v>5201521</v>
      </c>
      <c r="C107" s="7" t="s">
        <v>1033</v>
      </c>
      <c r="D107" s="6" t="s">
        <v>89</v>
      </c>
      <c r="E107" s="7" t="s">
        <v>1034</v>
      </c>
    </row>
    <row r="108" spans="1:5" s="8" customFormat="1" ht="28.5" customHeight="1" x14ac:dyDescent="0.15">
      <c r="A108" s="6" t="s">
        <v>992</v>
      </c>
      <c r="B108" s="6" t="s">
        <v>97</v>
      </c>
      <c r="C108" s="7" t="s">
        <v>1035</v>
      </c>
      <c r="D108" s="6" t="s">
        <v>92</v>
      </c>
      <c r="E108" s="7" t="s">
        <v>1036</v>
      </c>
    </row>
    <row r="109" spans="1:5" s="8" customFormat="1" ht="28.5" customHeight="1" x14ac:dyDescent="0.15">
      <c r="A109" s="6" t="s">
        <v>992</v>
      </c>
      <c r="B109" s="6">
        <v>5201604</v>
      </c>
      <c r="C109" s="7" t="s">
        <v>1037</v>
      </c>
      <c r="D109" s="6" t="s">
        <v>98</v>
      </c>
      <c r="E109" s="7" t="s">
        <v>1038</v>
      </c>
    </row>
    <row r="110" spans="1:5" s="8" customFormat="1" ht="28.5" customHeight="1" x14ac:dyDescent="0.15">
      <c r="A110" s="6" t="s">
        <v>992</v>
      </c>
      <c r="B110" s="6">
        <v>5201612</v>
      </c>
      <c r="C110" s="7" t="s">
        <v>1039</v>
      </c>
      <c r="D110" s="6" t="s">
        <v>99</v>
      </c>
      <c r="E110" s="7" t="s">
        <v>1040</v>
      </c>
    </row>
    <row r="111" spans="1:5" s="8" customFormat="1" ht="28.5" customHeight="1" x14ac:dyDescent="0.15">
      <c r="A111" s="6" t="s">
        <v>992</v>
      </c>
      <c r="B111" s="6">
        <v>5201620</v>
      </c>
      <c r="C111" s="7" t="s">
        <v>100</v>
      </c>
      <c r="D111" s="6" t="s">
        <v>95</v>
      </c>
      <c r="E111" s="7" t="s">
        <v>1041</v>
      </c>
    </row>
    <row r="112" spans="1:5" s="8" customFormat="1" ht="28.5" customHeight="1" x14ac:dyDescent="0.15">
      <c r="A112" s="6" t="s">
        <v>992</v>
      </c>
      <c r="B112" s="6">
        <v>5201638</v>
      </c>
      <c r="C112" s="7" t="s">
        <v>101</v>
      </c>
      <c r="D112" s="6" t="s">
        <v>2</v>
      </c>
      <c r="E112" s="7" t="s">
        <v>1042</v>
      </c>
    </row>
    <row r="113" spans="1:5" s="8" customFormat="1" ht="28.5" customHeight="1" x14ac:dyDescent="0.15">
      <c r="A113" s="6" t="s">
        <v>992</v>
      </c>
      <c r="B113" s="6">
        <v>5201646</v>
      </c>
      <c r="C113" s="7" t="s">
        <v>1043</v>
      </c>
      <c r="D113" s="6" t="s">
        <v>2</v>
      </c>
      <c r="E113" s="7" t="s">
        <v>1044</v>
      </c>
    </row>
    <row r="114" spans="1:5" s="8" customFormat="1" ht="28.5" customHeight="1" x14ac:dyDescent="0.15">
      <c r="A114" s="6" t="s">
        <v>992</v>
      </c>
      <c r="B114" s="6">
        <v>5201653</v>
      </c>
      <c r="C114" s="7" t="s">
        <v>1045</v>
      </c>
      <c r="D114" s="6" t="s">
        <v>99</v>
      </c>
      <c r="E114" s="7" t="s">
        <v>1046</v>
      </c>
    </row>
    <row r="115" spans="1:5" s="8" customFormat="1" ht="28.5" customHeight="1" x14ac:dyDescent="0.15">
      <c r="A115" s="6" t="s">
        <v>992</v>
      </c>
      <c r="B115" s="6" t="s">
        <v>102</v>
      </c>
      <c r="C115" s="7" t="s">
        <v>1047</v>
      </c>
      <c r="D115" s="6" t="s">
        <v>87</v>
      </c>
      <c r="E115" s="7" t="s">
        <v>1048</v>
      </c>
    </row>
    <row r="116" spans="1:5" s="8" customFormat="1" ht="28.5" customHeight="1" x14ac:dyDescent="0.15">
      <c r="A116" s="6" t="s">
        <v>992</v>
      </c>
      <c r="B116" s="6">
        <v>5201703</v>
      </c>
      <c r="C116" s="7" t="s">
        <v>1049</v>
      </c>
      <c r="D116" s="6" t="s">
        <v>98</v>
      </c>
      <c r="E116" s="7" t="s">
        <v>1050</v>
      </c>
    </row>
    <row r="117" spans="1:5" s="8" customFormat="1" ht="28.5" customHeight="1" x14ac:dyDescent="0.15">
      <c r="A117" s="6" t="s">
        <v>992</v>
      </c>
      <c r="B117" s="6" t="s">
        <v>103</v>
      </c>
      <c r="C117" s="7" t="s">
        <v>1051</v>
      </c>
      <c r="D117" s="6" t="s">
        <v>90</v>
      </c>
      <c r="E117" s="7" t="s">
        <v>1052</v>
      </c>
    </row>
    <row r="118" spans="1:5" s="8" customFormat="1" ht="28.5" customHeight="1" x14ac:dyDescent="0.15">
      <c r="A118" s="6" t="s">
        <v>992</v>
      </c>
      <c r="B118" s="6" t="s">
        <v>104</v>
      </c>
      <c r="C118" s="7" t="s">
        <v>1053</v>
      </c>
      <c r="D118" s="6" t="s">
        <v>98</v>
      </c>
      <c r="E118" s="7" t="s">
        <v>1054</v>
      </c>
    </row>
    <row r="119" spans="1:5" s="8" customFormat="1" ht="28.5" customHeight="1" x14ac:dyDescent="0.15">
      <c r="A119" s="6" t="s">
        <v>992</v>
      </c>
      <c r="B119" s="6" t="s">
        <v>105</v>
      </c>
      <c r="C119" s="7" t="s">
        <v>1012</v>
      </c>
      <c r="D119" s="6" t="s">
        <v>94</v>
      </c>
      <c r="E119" s="7" t="s">
        <v>1055</v>
      </c>
    </row>
    <row r="120" spans="1:5" s="8" customFormat="1" ht="28.5" customHeight="1" x14ac:dyDescent="0.15">
      <c r="A120" s="6" t="s">
        <v>992</v>
      </c>
      <c r="B120" s="6" t="s">
        <v>106</v>
      </c>
      <c r="C120" s="7" t="s">
        <v>1056</v>
      </c>
      <c r="D120" s="6" t="s">
        <v>93</v>
      </c>
      <c r="E120" s="7" t="s">
        <v>1057</v>
      </c>
    </row>
    <row r="121" spans="1:5" s="8" customFormat="1" ht="28.5" customHeight="1" x14ac:dyDescent="0.15">
      <c r="A121" s="6" t="s">
        <v>992</v>
      </c>
      <c r="B121" s="6" t="s">
        <v>107</v>
      </c>
      <c r="C121" s="7" t="s">
        <v>1058</v>
      </c>
      <c r="D121" s="6" t="s">
        <v>87</v>
      </c>
      <c r="E121" s="7" t="s">
        <v>1059</v>
      </c>
    </row>
    <row r="122" spans="1:5" s="8" customFormat="1" ht="28.5" customHeight="1" x14ac:dyDescent="0.15">
      <c r="A122" s="6" t="s">
        <v>992</v>
      </c>
      <c r="B122" s="6" t="s">
        <v>108</v>
      </c>
      <c r="C122" s="7" t="s">
        <v>1060</v>
      </c>
      <c r="D122" s="6" t="s">
        <v>1</v>
      </c>
      <c r="E122" s="7" t="s">
        <v>1061</v>
      </c>
    </row>
    <row r="123" spans="1:5" s="8" customFormat="1" ht="28.5" customHeight="1" x14ac:dyDescent="0.15">
      <c r="A123" s="6" t="s">
        <v>992</v>
      </c>
      <c r="B123" s="6" t="s">
        <v>109</v>
      </c>
      <c r="C123" s="7" t="s">
        <v>1062</v>
      </c>
      <c r="D123" s="6" t="s">
        <v>2</v>
      </c>
      <c r="E123" s="7" t="s">
        <v>1063</v>
      </c>
    </row>
    <row r="124" spans="1:5" s="8" customFormat="1" ht="28.5" customHeight="1" x14ac:dyDescent="0.15">
      <c r="A124" s="6" t="s">
        <v>992</v>
      </c>
      <c r="B124" s="6" t="s">
        <v>110</v>
      </c>
      <c r="C124" s="7" t="s">
        <v>1064</v>
      </c>
      <c r="D124" s="6" t="s">
        <v>2</v>
      </c>
      <c r="E124" s="7" t="s">
        <v>1065</v>
      </c>
    </row>
    <row r="125" spans="1:5" s="8" customFormat="1" ht="28.5" customHeight="1" x14ac:dyDescent="0.15">
      <c r="A125" s="6" t="s">
        <v>992</v>
      </c>
      <c r="B125" s="6" t="s">
        <v>111</v>
      </c>
      <c r="C125" s="7" t="s">
        <v>1066</v>
      </c>
      <c r="D125" s="6" t="s">
        <v>99</v>
      </c>
      <c r="E125" s="7" t="s">
        <v>1067</v>
      </c>
    </row>
    <row r="126" spans="1:5" s="8" customFormat="1" ht="28.5" customHeight="1" x14ac:dyDescent="0.15">
      <c r="A126" s="6" t="s">
        <v>992</v>
      </c>
      <c r="B126" s="6">
        <v>5201844</v>
      </c>
      <c r="C126" s="7" t="s">
        <v>1068</v>
      </c>
      <c r="D126" s="6" t="s">
        <v>89</v>
      </c>
      <c r="E126" s="7" t="s">
        <v>1069</v>
      </c>
    </row>
    <row r="127" spans="1:5" s="8" customFormat="1" ht="28.5" customHeight="1" x14ac:dyDescent="0.15">
      <c r="A127" s="6" t="s">
        <v>992</v>
      </c>
      <c r="B127" s="6">
        <v>5201869</v>
      </c>
      <c r="C127" s="7" t="s">
        <v>1070</v>
      </c>
      <c r="D127" s="6" t="s">
        <v>2</v>
      </c>
      <c r="E127" s="7" t="s">
        <v>1071</v>
      </c>
    </row>
    <row r="128" spans="1:5" s="8" customFormat="1" ht="28.5" customHeight="1" x14ac:dyDescent="0.15">
      <c r="A128" s="6" t="s">
        <v>992</v>
      </c>
      <c r="B128" s="6">
        <v>5201877</v>
      </c>
      <c r="C128" s="7" t="s">
        <v>1072</v>
      </c>
      <c r="D128" s="6" t="s">
        <v>87</v>
      </c>
      <c r="E128" s="7" t="s">
        <v>1073</v>
      </c>
    </row>
    <row r="129" spans="1:5" s="8" customFormat="1" ht="28.5" customHeight="1" x14ac:dyDescent="0.15">
      <c r="A129" s="6" t="s">
        <v>992</v>
      </c>
      <c r="B129" s="6">
        <v>5201885</v>
      </c>
      <c r="C129" s="7" t="s">
        <v>3407</v>
      </c>
      <c r="D129" s="6" t="s">
        <v>2</v>
      </c>
      <c r="E129" s="7" t="s">
        <v>1074</v>
      </c>
    </row>
    <row r="130" spans="1:5" s="8" customFormat="1" ht="28.5" customHeight="1" x14ac:dyDescent="0.15">
      <c r="A130" s="6" t="s">
        <v>992</v>
      </c>
      <c r="B130" s="6" t="s">
        <v>112</v>
      </c>
      <c r="C130" s="7" t="s">
        <v>1075</v>
      </c>
      <c r="D130" s="6" t="s">
        <v>113</v>
      </c>
      <c r="E130" s="7" t="s">
        <v>1076</v>
      </c>
    </row>
    <row r="131" spans="1:5" s="8" customFormat="1" ht="28.5" customHeight="1" x14ac:dyDescent="0.15">
      <c r="A131" s="6" t="s">
        <v>992</v>
      </c>
      <c r="B131" s="6" t="s">
        <v>114</v>
      </c>
      <c r="C131" s="7" t="s">
        <v>1077</v>
      </c>
      <c r="D131" s="6" t="s">
        <v>2</v>
      </c>
      <c r="E131" s="7" t="s">
        <v>1078</v>
      </c>
    </row>
    <row r="132" spans="1:5" s="8" customFormat="1" ht="28.5" customHeight="1" x14ac:dyDescent="0.15">
      <c r="A132" s="6" t="s">
        <v>992</v>
      </c>
      <c r="B132" s="6" t="s">
        <v>115</v>
      </c>
      <c r="C132" s="7" t="s">
        <v>1079</v>
      </c>
      <c r="D132" s="6" t="s">
        <v>2</v>
      </c>
      <c r="E132" s="7" t="s">
        <v>1080</v>
      </c>
    </row>
    <row r="133" spans="1:5" s="8" customFormat="1" ht="28.5" customHeight="1" x14ac:dyDescent="0.15">
      <c r="A133" s="6" t="s">
        <v>992</v>
      </c>
      <c r="B133" s="6" t="s">
        <v>116</v>
      </c>
      <c r="C133" s="7" t="s">
        <v>1081</v>
      </c>
      <c r="D133" s="6" t="s">
        <v>95</v>
      </c>
      <c r="E133" s="7" t="s">
        <v>1082</v>
      </c>
    </row>
    <row r="134" spans="1:5" s="8" customFormat="1" ht="28.5" customHeight="1" x14ac:dyDescent="0.15">
      <c r="A134" s="6" t="s">
        <v>1083</v>
      </c>
      <c r="B134" s="6" t="s">
        <v>1084</v>
      </c>
      <c r="C134" s="7" t="s">
        <v>1085</v>
      </c>
      <c r="D134" s="6" t="s">
        <v>92</v>
      </c>
      <c r="E134" s="7" t="s">
        <v>1086</v>
      </c>
    </row>
    <row r="135" spans="1:5" s="8" customFormat="1" ht="28.5" customHeight="1" x14ac:dyDescent="0.15">
      <c r="A135" s="6" t="s">
        <v>1083</v>
      </c>
      <c r="B135" s="6" t="s">
        <v>1087</v>
      </c>
      <c r="C135" s="7" t="s">
        <v>1088</v>
      </c>
      <c r="D135" s="6" t="s">
        <v>2</v>
      </c>
      <c r="E135" s="7" t="s">
        <v>1089</v>
      </c>
    </row>
    <row r="136" spans="1:5" s="8" customFormat="1" ht="28.5" customHeight="1" x14ac:dyDescent="0.15">
      <c r="A136" s="6" t="s">
        <v>1083</v>
      </c>
      <c r="B136" s="6" t="s">
        <v>1090</v>
      </c>
      <c r="C136" s="7" t="s">
        <v>1091</v>
      </c>
      <c r="D136" s="6" t="s">
        <v>91</v>
      </c>
      <c r="E136" s="7" t="s">
        <v>1092</v>
      </c>
    </row>
    <row r="137" spans="1:5" s="8" customFormat="1" ht="28.5" customHeight="1" x14ac:dyDescent="0.15">
      <c r="A137" s="6" t="s">
        <v>992</v>
      </c>
      <c r="B137" s="6" t="s">
        <v>1093</v>
      </c>
      <c r="C137" s="7" t="s">
        <v>1094</v>
      </c>
      <c r="D137" s="6" t="s">
        <v>2</v>
      </c>
      <c r="E137" s="7" t="s">
        <v>1095</v>
      </c>
    </row>
    <row r="138" spans="1:5" s="8" customFormat="1" ht="28.5" customHeight="1" x14ac:dyDescent="0.15">
      <c r="A138" s="6" t="s">
        <v>1083</v>
      </c>
      <c r="B138" s="6" t="s">
        <v>1096</v>
      </c>
      <c r="C138" s="7" t="s">
        <v>930</v>
      </c>
      <c r="D138" s="6" t="s">
        <v>92</v>
      </c>
      <c r="E138" s="7" t="s">
        <v>1097</v>
      </c>
    </row>
    <row r="139" spans="1:5" s="8" customFormat="1" ht="28.5" customHeight="1" x14ac:dyDescent="0.15">
      <c r="A139" s="6" t="s">
        <v>1083</v>
      </c>
      <c r="B139" s="6" t="s">
        <v>1098</v>
      </c>
      <c r="C139" s="7" t="s">
        <v>1099</v>
      </c>
      <c r="D139" s="6" t="s">
        <v>89</v>
      </c>
      <c r="E139" s="7" t="s">
        <v>1100</v>
      </c>
    </row>
    <row r="140" spans="1:5" s="8" customFormat="1" ht="28.5" customHeight="1" x14ac:dyDescent="0.15">
      <c r="A140" s="6" t="s">
        <v>1101</v>
      </c>
      <c r="B140" s="6" t="s">
        <v>117</v>
      </c>
      <c r="C140" s="7" t="s">
        <v>1102</v>
      </c>
      <c r="D140" s="6" t="s">
        <v>118</v>
      </c>
      <c r="E140" s="7" t="s">
        <v>1103</v>
      </c>
    </row>
    <row r="141" spans="1:5" s="8" customFormat="1" ht="28.5" customHeight="1" x14ac:dyDescent="0.15">
      <c r="A141" s="6" t="s">
        <v>1101</v>
      </c>
      <c r="B141" s="6" t="s">
        <v>119</v>
      </c>
      <c r="C141" s="7" t="s">
        <v>1104</v>
      </c>
      <c r="D141" s="6" t="s">
        <v>120</v>
      </c>
      <c r="E141" s="7" t="s">
        <v>1105</v>
      </c>
    </row>
    <row r="142" spans="1:5" s="8" customFormat="1" ht="28.5" customHeight="1" x14ac:dyDescent="0.15">
      <c r="A142" s="6" t="s">
        <v>1101</v>
      </c>
      <c r="B142" s="6" t="s">
        <v>121</v>
      </c>
      <c r="C142" s="7" t="s">
        <v>1106</v>
      </c>
      <c r="D142" s="6" t="s">
        <v>120</v>
      </c>
      <c r="E142" s="7" t="s">
        <v>1107</v>
      </c>
    </row>
    <row r="143" spans="1:5" s="8" customFormat="1" ht="28.5" customHeight="1" x14ac:dyDescent="0.15">
      <c r="A143" s="6" t="s">
        <v>1101</v>
      </c>
      <c r="B143" s="6" t="s">
        <v>122</v>
      </c>
      <c r="C143" s="7" t="s">
        <v>1108</v>
      </c>
      <c r="D143" s="6" t="s">
        <v>118</v>
      </c>
      <c r="E143" s="7" t="s">
        <v>1109</v>
      </c>
    </row>
    <row r="144" spans="1:5" s="8" customFormat="1" ht="28.5" customHeight="1" x14ac:dyDescent="0.15">
      <c r="A144" s="6" t="s">
        <v>1101</v>
      </c>
      <c r="B144" s="6" t="s">
        <v>123</v>
      </c>
      <c r="C144" s="7" t="s">
        <v>1110</v>
      </c>
      <c r="D144" s="6" t="s">
        <v>124</v>
      </c>
      <c r="E144" s="7" t="s">
        <v>1111</v>
      </c>
    </row>
    <row r="145" spans="1:5" s="8" customFormat="1" ht="28.5" customHeight="1" x14ac:dyDescent="0.15">
      <c r="A145" s="6" t="s">
        <v>1101</v>
      </c>
      <c r="B145" s="6" t="s">
        <v>125</v>
      </c>
      <c r="C145" s="7" t="s">
        <v>1112</v>
      </c>
      <c r="D145" s="6" t="s">
        <v>3</v>
      </c>
      <c r="E145" s="7" t="s">
        <v>1113</v>
      </c>
    </row>
    <row r="146" spans="1:5" s="8" customFormat="1" ht="28.5" customHeight="1" x14ac:dyDescent="0.15">
      <c r="A146" s="6" t="s">
        <v>1101</v>
      </c>
      <c r="B146" s="6" t="s">
        <v>126</v>
      </c>
      <c r="C146" s="7" t="s">
        <v>1114</v>
      </c>
      <c r="D146" s="6" t="s">
        <v>118</v>
      </c>
      <c r="E146" s="7" t="s">
        <v>1115</v>
      </c>
    </row>
    <row r="147" spans="1:5" s="8" customFormat="1" ht="28.5" customHeight="1" x14ac:dyDescent="0.15">
      <c r="A147" s="6" t="s">
        <v>1101</v>
      </c>
      <c r="B147" s="6" t="s">
        <v>127</v>
      </c>
      <c r="C147" s="7" t="s">
        <v>1116</v>
      </c>
      <c r="D147" s="6" t="s">
        <v>128</v>
      </c>
      <c r="E147" s="7" t="s">
        <v>1117</v>
      </c>
    </row>
    <row r="148" spans="1:5" s="8" customFormat="1" ht="28.5" customHeight="1" x14ac:dyDescent="0.15">
      <c r="A148" s="6" t="s">
        <v>1101</v>
      </c>
      <c r="B148" s="6" t="s">
        <v>129</v>
      </c>
      <c r="C148" s="7" t="s">
        <v>1118</v>
      </c>
      <c r="D148" s="6" t="s">
        <v>118</v>
      </c>
      <c r="E148" s="7" t="s">
        <v>1119</v>
      </c>
    </row>
    <row r="149" spans="1:5" s="8" customFormat="1" ht="28.5" customHeight="1" x14ac:dyDescent="0.15">
      <c r="A149" s="6" t="s">
        <v>1101</v>
      </c>
      <c r="B149" s="6" t="s">
        <v>130</v>
      </c>
      <c r="C149" s="7" t="s">
        <v>1120</v>
      </c>
      <c r="D149" s="6" t="s">
        <v>124</v>
      </c>
      <c r="E149" s="7" t="s">
        <v>1121</v>
      </c>
    </row>
    <row r="150" spans="1:5" s="8" customFormat="1" ht="28.5" customHeight="1" x14ac:dyDescent="0.15">
      <c r="A150" s="6" t="s">
        <v>1101</v>
      </c>
      <c r="B150" s="6" t="s">
        <v>131</v>
      </c>
      <c r="C150" s="7" t="s">
        <v>1122</v>
      </c>
      <c r="D150" s="6" t="s">
        <v>118</v>
      </c>
      <c r="E150" s="7" t="s">
        <v>1123</v>
      </c>
    </row>
    <row r="151" spans="1:5" s="8" customFormat="1" ht="28.5" customHeight="1" x14ac:dyDescent="0.15">
      <c r="A151" s="6" t="s">
        <v>1101</v>
      </c>
      <c r="B151" s="6" t="s">
        <v>132</v>
      </c>
      <c r="C151" s="7" t="s">
        <v>1124</v>
      </c>
      <c r="D151" s="6" t="s">
        <v>118</v>
      </c>
      <c r="E151" s="7" t="s">
        <v>1125</v>
      </c>
    </row>
    <row r="152" spans="1:5" s="8" customFormat="1" ht="28.5" customHeight="1" x14ac:dyDescent="0.15">
      <c r="A152" s="6" t="s">
        <v>1101</v>
      </c>
      <c r="B152" s="6" t="s">
        <v>133</v>
      </c>
      <c r="C152" s="7" t="s">
        <v>1126</v>
      </c>
      <c r="D152" s="6" t="s">
        <v>118</v>
      </c>
      <c r="E152" s="7" t="s">
        <v>1127</v>
      </c>
    </row>
    <row r="153" spans="1:5" s="8" customFormat="1" ht="28.5" customHeight="1" x14ac:dyDescent="0.15">
      <c r="A153" s="6" t="s">
        <v>1101</v>
      </c>
      <c r="B153" s="6" t="s">
        <v>134</v>
      </c>
      <c r="C153" s="7" t="s">
        <v>1128</v>
      </c>
      <c r="D153" s="6" t="s">
        <v>118</v>
      </c>
      <c r="E153" s="7" t="s">
        <v>1129</v>
      </c>
    </row>
    <row r="154" spans="1:5" s="8" customFormat="1" ht="28.5" customHeight="1" x14ac:dyDescent="0.15">
      <c r="A154" s="6" t="s">
        <v>1101</v>
      </c>
      <c r="B154" s="6" t="s">
        <v>135</v>
      </c>
      <c r="C154" s="7" t="s">
        <v>1130</v>
      </c>
      <c r="D154" s="6" t="s">
        <v>118</v>
      </c>
      <c r="E154" s="7" t="s">
        <v>1131</v>
      </c>
    </row>
    <row r="155" spans="1:5" s="8" customFormat="1" ht="28.5" customHeight="1" x14ac:dyDescent="0.15">
      <c r="A155" s="6" t="s">
        <v>1101</v>
      </c>
      <c r="B155" s="6" t="s">
        <v>136</v>
      </c>
      <c r="C155" s="7" t="s">
        <v>1132</v>
      </c>
      <c r="D155" s="6" t="s">
        <v>118</v>
      </c>
      <c r="E155" s="7" t="s">
        <v>1133</v>
      </c>
    </row>
    <row r="156" spans="1:5" s="8" customFormat="1" ht="28.5" customHeight="1" x14ac:dyDescent="0.15">
      <c r="A156" s="6" t="s">
        <v>1101</v>
      </c>
      <c r="B156" s="6" t="s">
        <v>137</v>
      </c>
      <c r="C156" s="7" t="s">
        <v>1134</v>
      </c>
      <c r="D156" s="6" t="s">
        <v>118</v>
      </c>
      <c r="E156" s="7" t="s">
        <v>1135</v>
      </c>
    </row>
    <row r="157" spans="1:5" s="8" customFormat="1" ht="28.5" customHeight="1" x14ac:dyDescent="0.15">
      <c r="A157" s="6" t="s">
        <v>1101</v>
      </c>
      <c r="B157" s="6" t="s">
        <v>138</v>
      </c>
      <c r="C157" s="7" t="s">
        <v>1136</v>
      </c>
      <c r="D157" s="6" t="s">
        <v>118</v>
      </c>
      <c r="E157" s="7" t="s">
        <v>1137</v>
      </c>
    </row>
    <row r="158" spans="1:5" s="8" customFormat="1" ht="28.5" customHeight="1" x14ac:dyDescent="0.15">
      <c r="A158" s="6" t="s">
        <v>1101</v>
      </c>
      <c r="B158" s="6" t="s">
        <v>139</v>
      </c>
      <c r="C158" s="7" t="s">
        <v>1138</v>
      </c>
      <c r="D158" s="6" t="s">
        <v>118</v>
      </c>
      <c r="E158" s="7" t="s">
        <v>1139</v>
      </c>
    </row>
    <row r="159" spans="1:5" s="8" customFormat="1" ht="28.5" customHeight="1" x14ac:dyDescent="0.15">
      <c r="A159" s="6" t="s">
        <v>1101</v>
      </c>
      <c r="B159" s="6" t="s">
        <v>140</v>
      </c>
      <c r="C159" s="7" t="s">
        <v>1140</v>
      </c>
      <c r="D159" s="6" t="s">
        <v>118</v>
      </c>
      <c r="E159" s="7" t="s">
        <v>1141</v>
      </c>
    </row>
    <row r="160" spans="1:5" s="8" customFormat="1" ht="28.5" customHeight="1" x14ac:dyDescent="0.15">
      <c r="A160" s="6" t="s">
        <v>1101</v>
      </c>
      <c r="B160" s="6" t="s">
        <v>141</v>
      </c>
      <c r="C160" s="7" t="s">
        <v>1142</v>
      </c>
      <c r="D160" s="6" t="s">
        <v>124</v>
      </c>
      <c r="E160" s="7" t="s">
        <v>1143</v>
      </c>
    </row>
    <row r="161" spans="1:5" s="8" customFormat="1" ht="28.5" customHeight="1" x14ac:dyDescent="0.15">
      <c r="A161" s="6" t="s">
        <v>1101</v>
      </c>
      <c r="B161" s="6" t="s">
        <v>142</v>
      </c>
      <c r="C161" s="7" t="s">
        <v>1144</v>
      </c>
      <c r="D161" s="6" t="s">
        <v>143</v>
      </c>
      <c r="E161" s="7" t="s">
        <v>1145</v>
      </c>
    </row>
    <row r="162" spans="1:5" s="8" customFormat="1" ht="28.5" customHeight="1" x14ac:dyDescent="0.15">
      <c r="A162" s="6" t="s">
        <v>1101</v>
      </c>
      <c r="B162" s="6" t="s">
        <v>144</v>
      </c>
      <c r="C162" s="7" t="s">
        <v>1146</v>
      </c>
      <c r="D162" s="6" t="s">
        <v>118</v>
      </c>
      <c r="E162" s="7" t="s">
        <v>1147</v>
      </c>
    </row>
    <row r="163" spans="1:5" s="8" customFormat="1" ht="28.5" customHeight="1" x14ac:dyDescent="0.15">
      <c r="A163" s="6" t="s">
        <v>1101</v>
      </c>
      <c r="B163" s="6" t="s">
        <v>145</v>
      </c>
      <c r="C163" s="7" t="s">
        <v>1148</v>
      </c>
      <c r="D163" s="6" t="s">
        <v>3</v>
      </c>
      <c r="E163" s="7" t="s">
        <v>1149</v>
      </c>
    </row>
    <row r="164" spans="1:5" s="8" customFormat="1" ht="28.5" customHeight="1" x14ac:dyDescent="0.15">
      <c r="A164" s="6" t="s">
        <v>1101</v>
      </c>
      <c r="B164" s="6" t="s">
        <v>146</v>
      </c>
      <c r="C164" s="7" t="s">
        <v>1150</v>
      </c>
      <c r="D164" s="6" t="s">
        <v>118</v>
      </c>
      <c r="E164" s="7" t="s">
        <v>1151</v>
      </c>
    </row>
    <row r="165" spans="1:5" s="8" customFormat="1" ht="28.5" customHeight="1" x14ac:dyDescent="0.15">
      <c r="A165" s="6" t="s">
        <v>1101</v>
      </c>
      <c r="B165" s="6" t="s">
        <v>147</v>
      </c>
      <c r="C165" s="7" t="s">
        <v>1152</v>
      </c>
      <c r="D165" s="6" t="s">
        <v>120</v>
      </c>
      <c r="E165" s="7" t="s">
        <v>1153</v>
      </c>
    </row>
    <row r="166" spans="1:5" s="8" customFormat="1" ht="28.5" customHeight="1" x14ac:dyDescent="0.15">
      <c r="A166" s="6" t="s">
        <v>1101</v>
      </c>
      <c r="B166" s="6" t="s">
        <v>148</v>
      </c>
      <c r="C166" s="7" t="s">
        <v>1154</v>
      </c>
      <c r="D166" s="6" t="s">
        <v>143</v>
      </c>
      <c r="E166" s="7" t="s">
        <v>1155</v>
      </c>
    </row>
    <row r="167" spans="1:5" s="8" customFormat="1" ht="28.5" customHeight="1" x14ac:dyDescent="0.15">
      <c r="A167" s="6" t="s">
        <v>1101</v>
      </c>
      <c r="B167" s="6" t="s">
        <v>149</v>
      </c>
      <c r="C167" s="7" t="s">
        <v>1156</v>
      </c>
      <c r="D167" s="6" t="s">
        <v>118</v>
      </c>
      <c r="E167" s="7" t="s">
        <v>1157</v>
      </c>
    </row>
    <row r="168" spans="1:5" s="8" customFormat="1" ht="28.5" customHeight="1" x14ac:dyDescent="0.15">
      <c r="A168" s="6" t="s">
        <v>1101</v>
      </c>
      <c r="B168" s="6" t="s">
        <v>150</v>
      </c>
      <c r="C168" s="7" t="s">
        <v>842</v>
      </c>
      <c r="D168" s="6" t="s">
        <v>3</v>
      </c>
      <c r="E168" s="7" t="s">
        <v>1158</v>
      </c>
    </row>
    <row r="169" spans="1:5" s="8" customFormat="1" ht="28.5" customHeight="1" x14ac:dyDescent="0.15">
      <c r="A169" s="6" t="s">
        <v>1101</v>
      </c>
      <c r="B169" s="6" t="s">
        <v>151</v>
      </c>
      <c r="C169" s="7" t="s">
        <v>1159</v>
      </c>
      <c r="D169" s="6" t="s">
        <v>143</v>
      </c>
      <c r="E169" s="7" t="s">
        <v>1160</v>
      </c>
    </row>
    <row r="170" spans="1:5" s="8" customFormat="1" ht="28.5" customHeight="1" x14ac:dyDescent="0.15">
      <c r="A170" s="6" t="s">
        <v>1101</v>
      </c>
      <c r="B170" s="6" t="s">
        <v>152</v>
      </c>
      <c r="C170" s="7" t="s">
        <v>1161</v>
      </c>
      <c r="D170" s="6" t="s">
        <v>143</v>
      </c>
      <c r="E170" s="7" t="s">
        <v>1162</v>
      </c>
    </row>
    <row r="171" spans="1:5" s="8" customFormat="1" ht="28.5" customHeight="1" x14ac:dyDescent="0.15">
      <c r="A171" s="6" t="s">
        <v>1101</v>
      </c>
      <c r="B171" s="6" t="s">
        <v>153</v>
      </c>
      <c r="C171" s="7" t="s">
        <v>1163</v>
      </c>
      <c r="D171" s="6" t="s">
        <v>3</v>
      </c>
      <c r="E171" s="7" t="s">
        <v>1164</v>
      </c>
    </row>
    <row r="172" spans="1:5" s="8" customFormat="1" ht="28.5" customHeight="1" x14ac:dyDescent="0.15">
      <c r="A172" s="6" t="s">
        <v>1101</v>
      </c>
      <c r="B172" s="6" t="s">
        <v>154</v>
      </c>
      <c r="C172" s="7" t="s">
        <v>1165</v>
      </c>
      <c r="D172" s="6" t="s">
        <v>143</v>
      </c>
      <c r="E172" s="7" t="s">
        <v>1166</v>
      </c>
    </row>
    <row r="173" spans="1:5" s="8" customFormat="1" ht="28.5" customHeight="1" x14ac:dyDescent="0.15">
      <c r="A173" s="6" t="s">
        <v>1101</v>
      </c>
      <c r="B173" s="6" t="s">
        <v>155</v>
      </c>
      <c r="C173" s="7" t="s">
        <v>1167</v>
      </c>
      <c r="D173" s="6" t="s">
        <v>124</v>
      </c>
      <c r="E173" s="7" t="s">
        <v>1168</v>
      </c>
    </row>
    <row r="174" spans="1:5" s="8" customFormat="1" ht="28.5" customHeight="1" x14ac:dyDescent="0.15">
      <c r="A174" s="6" t="s">
        <v>1101</v>
      </c>
      <c r="B174" s="6" t="s">
        <v>156</v>
      </c>
      <c r="C174" s="7" t="s">
        <v>1169</v>
      </c>
      <c r="D174" s="6" t="s">
        <v>118</v>
      </c>
      <c r="E174" s="7" t="s">
        <v>1170</v>
      </c>
    </row>
    <row r="175" spans="1:5" s="8" customFormat="1" ht="28.5" customHeight="1" x14ac:dyDescent="0.15">
      <c r="A175" s="6" t="s">
        <v>1101</v>
      </c>
      <c r="B175" s="6" t="s">
        <v>157</v>
      </c>
      <c r="C175" s="7" t="s">
        <v>1171</v>
      </c>
      <c r="D175" s="6" t="s">
        <v>143</v>
      </c>
      <c r="E175" s="7" t="s">
        <v>1172</v>
      </c>
    </row>
    <row r="176" spans="1:5" s="8" customFormat="1" ht="28.5" customHeight="1" x14ac:dyDescent="0.15">
      <c r="A176" s="6" t="s">
        <v>1101</v>
      </c>
      <c r="B176" s="6" t="s">
        <v>1173</v>
      </c>
      <c r="C176" s="7" t="s">
        <v>1174</v>
      </c>
      <c r="D176" s="6" t="s">
        <v>118</v>
      </c>
      <c r="E176" s="7" t="s">
        <v>1175</v>
      </c>
    </row>
    <row r="177" spans="1:5" s="8" customFormat="1" ht="28.5" customHeight="1" x14ac:dyDescent="0.15">
      <c r="A177" s="6" t="s">
        <v>1101</v>
      </c>
      <c r="B177" s="6" t="s">
        <v>1176</v>
      </c>
      <c r="C177" s="7" t="s">
        <v>1177</v>
      </c>
      <c r="D177" s="6" t="s">
        <v>3</v>
      </c>
      <c r="E177" s="7" t="s">
        <v>1178</v>
      </c>
    </row>
    <row r="178" spans="1:5" s="8" customFormat="1" ht="28.5" customHeight="1" x14ac:dyDescent="0.15">
      <c r="A178" s="6" t="s">
        <v>1179</v>
      </c>
      <c r="B178" s="6" t="s">
        <v>1180</v>
      </c>
      <c r="C178" s="7" t="s">
        <v>1181</v>
      </c>
      <c r="D178" s="6" t="s">
        <v>118</v>
      </c>
      <c r="E178" s="7" t="s">
        <v>1182</v>
      </c>
    </row>
    <row r="179" spans="1:5" s="8" customFormat="1" ht="28.5" customHeight="1" x14ac:dyDescent="0.15">
      <c r="A179" s="6" t="s">
        <v>1179</v>
      </c>
      <c r="B179" s="6" t="s">
        <v>1183</v>
      </c>
      <c r="C179" s="7" t="s">
        <v>1184</v>
      </c>
      <c r="D179" s="6" t="s">
        <v>118</v>
      </c>
      <c r="E179" s="7" t="s">
        <v>1185</v>
      </c>
    </row>
    <row r="180" spans="1:5" s="8" customFormat="1" ht="28.5" customHeight="1" x14ac:dyDescent="0.15">
      <c r="A180" s="6" t="s">
        <v>1186</v>
      </c>
      <c r="B180" s="6">
        <v>2800457</v>
      </c>
      <c r="C180" s="7" t="s">
        <v>158</v>
      </c>
      <c r="D180" s="6" t="s">
        <v>159</v>
      </c>
      <c r="E180" s="7" t="s">
        <v>1187</v>
      </c>
    </row>
    <row r="181" spans="1:5" s="8" customFormat="1" ht="28.5" customHeight="1" x14ac:dyDescent="0.15">
      <c r="A181" s="6" t="s">
        <v>1186</v>
      </c>
      <c r="B181" s="6">
        <v>2800499</v>
      </c>
      <c r="C181" s="7" t="s">
        <v>1188</v>
      </c>
      <c r="D181" s="6" t="s">
        <v>4</v>
      </c>
      <c r="E181" s="7" t="s">
        <v>1189</v>
      </c>
    </row>
    <row r="182" spans="1:5" s="8" customFormat="1" ht="28.5" customHeight="1" x14ac:dyDescent="0.15">
      <c r="A182" s="6" t="s">
        <v>1186</v>
      </c>
      <c r="B182" s="6">
        <v>2800523</v>
      </c>
      <c r="C182" s="7" t="s">
        <v>1190</v>
      </c>
      <c r="D182" s="6" t="s">
        <v>4</v>
      </c>
      <c r="E182" s="7" t="s">
        <v>1191</v>
      </c>
    </row>
    <row r="183" spans="1:5" s="8" customFormat="1" ht="28.5" customHeight="1" x14ac:dyDescent="0.15">
      <c r="A183" s="6" t="s">
        <v>1186</v>
      </c>
      <c r="B183" s="6">
        <v>2800622</v>
      </c>
      <c r="C183" s="7" t="s">
        <v>1192</v>
      </c>
      <c r="D183" s="6" t="s">
        <v>160</v>
      </c>
      <c r="E183" s="7" t="s">
        <v>1193</v>
      </c>
    </row>
    <row r="184" spans="1:5" s="8" customFormat="1" ht="28.5" customHeight="1" x14ac:dyDescent="0.15">
      <c r="A184" s="6" t="s">
        <v>1186</v>
      </c>
      <c r="B184" s="6">
        <v>2800648</v>
      </c>
      <c r="C184" s="7" t="s">
        <v>161</v>
      </c>
      <c r="D184" s="6" t="s">
        <v>162</v>
      </c>
      <c r="E184" s="7" t="s">
        <v>1194</v>
      </c>
    </row>
    <row r="185" spans="1:5" s="8" customFormat="1" ht="28.5" customHeight="1" x14ac:dyDescent="0.15">
      <c r="A185" s="6" t="s">
        <v>1186</v>
      </c>
      <c r="B185" s="6">
        <v>2800655</v>
      </c>
      <c r="C185" s="7" t="s">
        <v>1195</v>
      </c>
      <c r="D185" s="6" t="s">
        <v>4</v>
      </c>
      <c r="E185" s="7" t="s">
        <v>1196</v>
      </c>
    </row>
    <row r="186" spans="1:5" s="8" customFormat="1" ht="28.5" customHeight="1" x14ac:dyDescent="0.15">
      <c r="A186" s="6" t="s">
        <v>1186</v>
      </c>
      <c r="B186" s="6">
        <v>2800671</v>
      </c>
      <c r="C186" s="7" t="s">
        <v>1197</v>
      </c>
      <c r="D186" s="6" t="s">
        <v>159</v>
      </c>
      <c r="E186" s="7" t="s">
        <v>1198</v>
      </c>
    </row>
    <row r="187" spans="1:5" s="8" customFormat="1" ht="28.5" customHeight="1" x14ac:dyDescent="0.15">
      <c r="A187" s="6" t="s">
        <v>1186</v>
      </c>
      <c r="B187" s="6" t="s">
        <v>163</v>
      </c>
      <c r="C187" s="7" t="s">
        <v>1199</v>
      </c>
      <c r="D187" s="6" t="s">
        <v>164</v>
      </c>
      <c r="E187" s="7" t="s">
        <v>1200</v>
      </c>
    </row>
    <row r="188" spans="1:5" s="8" customFormat="1" ht="28.5" customHeight="1" x14ac:dyDescent="0.15">
      <c r="A188" s="6" t="s">
        <v>1186</v>
      </c>
      <c r="B188" s="6">
        <v>2800820</v>
      </c>
      <c r="C188" s="7" t="s">
        <v>1201</v>
      </c>
      <c r="D188" s="6" t="s">
        <v>164</v>
      </c>
      <c r="E188" s="7" t="s">
        <v>1202</v>
      </c>
    </row>
    <row r="189" spans="1:5" s="8" customFormat="1" ht="28.5" customHeight="1" x14ac:dyDescent="0.15">
      <c r="A189" s="6" t="s">
        <v>1186</v>
      </c>
      <c r="B189" s="6" t="s">
        <v>165</v>
      </c>
      <c r="C189" s="7" t="s">
        <v>1203</v>
      </c>
      <c r="D189" s="6" t="s">
        <v>166</v>
      </c>
      <c r="E189" s="7" t="s">
        <v>1204</v>
      </c>
    </row>
    <row r="190" spans="1:5" s="8" customFormat="1" ht="28.5" customHeight="1" x14ac:dyDescent="0.15">
      <c r="A190" s="6" t="s">
        <v>1186</v>
      </c>
      <c r="B190" s="6">
        <v>2800911</v>
      </c>
      <c r="C190" s="7" t="s">
        <v>1205</v>
      </c>
      <c r="D190" s="6" t="s">
        <v>167</v>
      </c>
      <c r="E190" s="7" t="s">
        <v>1206</v>
      </c>
    </row>
    <row r="191" spans="1:5" s="8" customFormat="1" ht="28.5" customHeight="1" x14ac:dyDescent="0.15">
      <c r="A191" s="6" t="s">
        <v>1186</v>
      </c>
      <c r="B191" s="6" t="s">
        <v>168</v>
      </c>
      <c r="C191" s="7" t="s">
        <v>1207</v>
      </c>
      <c r="D191" s="6" t="s">
        <v>5</v>
      </c>
      <c r="E191" s="7" t="s">
        <v>1208</v>
      </c>
    </row>
    <row r="192" spans="1:5" s="8" customFormat="1" ht="28.5" customHeight="1" x14ac:dyDescent="0.15">
      <c r="A192" s="6" t="s">
        <v>1186</v>
      </c>
      <c r="B192" s="6" t="s">
        <v>169</v>
      </c>
      <c r="C192" s="7" t="s">
        <v>1209</v>
      </c>
      <c r="D192" s="6" t="s">
        <v>159</v>
      </c>
      <c r="E192" s="7" t="s">
        <v>1210</v>
      </c>
    </row>
    <row r="193" spans="1:5" s="8" customFormat="1" ht="28.5" customHeight="1" x14ac:dyDescent="0.15">
      <c r="A193" s="6" t="s">
        <v>1186</v>
      </c>
      <c r="B193" s="6">
        <v>2800960</v>
      </c>
      <c r="C193" s="7" t="s">
        <v>1211</v>
      </c>
      <c r="D193" s="6" t="s">
        <v>160</v>
      </c>
      <c r="E193" s="7" t="s">
        <v>1212</v>
      </c>
    </row>
    <row r="194" spans="1:5" s="8" customFormat="1" ht="28.5" customHeight="1" x14ac:dyDescent="0.15">
      <c r="A194" s="6" t="s">
        <v>1186</v>
      </c>
      <c r="B194" s="6">
        <v>2800978</v>
      </c>
      <c r="C194" s="7" t="s">
        <v>1213</v>
      </c>
      <c r="D194" s="6" t="s">
        <v>170</v>
      </c>
      <c r="E194" s="7" t="s">
        <v>1214</v>
      </c>
    </row>
    <row r="195" spans="1:5" s="8" customFormat="1" ht="28.5" customHeight="1" x14ac:dyDescent="0.15">
      <c r="A195" s="6" t="s">
        <v>1186</v>
      </c>
      <c r="B195" s="6" t="s">
        <v>171</v>
      </c>
      <c r="C195" s="7" t="s">
        <v>1215</v>
      </c>
      <c r="D195" s="6" t="s">
        <v>4</v>
      </c>
      <c r="E195" s="7" t="s">
        <v>1216</v>
      </c>
    </row>
    <row r="196" spans="1:5" s="8" customFormat="1" ht="28.5" customHeight="1" x14ac:dyDescent="0.15">
      <c r="A196" s="6" t="s">
        <v>1186</v>
      </c>
      <c r="B196" s="6" t="s">
        <v>172</v>
      </c>
      <c r="C196" s="7" t="s">
        <v>1217</v>
      </c>
      <c r="D196" s="6" t="s">
        <v>159</v>
      </c>
      <c r="E196" s="7" t="s">
        <v>1218</v>
      </c>
    </row>
    <row r="197" spans="1:5" s="8" customFormat="1" ht="28.5" customHeight="1" x14ac:dyDescent="0.15">
      <c r="A197" s="6" t="s">
        <v>1219</v>
      </c>
      <c r="B197" s="6" t="s">
        <v>1220</v>
      </c>
      <c r="C197" s="7" t="s">
        <v>1221</v>
      </c>
      <c r="D197" s="6" t="s">
        <v>5</v>
      </c>
      <c r="E197" s="7" t="s">
        <v>1222</v>
      </c>
    </row>
    <row r="198" spans="1:5" s="8" customFormat="1" ht="28.5" customHeight="1" x14ac:dyDescent="0.15">
      <c r="A198" s="6" t="s">
        <v>1223</v>
      </c>
      <c r="B198" s="6">
        <v>9400053</v>
      </c>
      <c r="C198" s="7" t="s">
        <v>1224</v>
      </c>
      <c r="D198" s="6" t="s">
        <v>173</v>
      </c>
      <c r="E198" s="7" t="s">
        <v>1225</v>
      </c>
    </row>
    <row r="199" spans="1:5" s="8" customFormat="1" ht="28.5" customHeight="1" x14ac:dyDescent="0.15">
      <c r="A199" s="6" t="s">
        <v>1223</v>
      </c>
      <c r="B199" s="6">
        <v>9400228</v>
      </c>
      <c r="C199" s="7" t="s">
        <v>1226</v>
      </c>
      <c r="D199" s="6" t="s">
        <v>173</v>
      </c>
      <c r="E199" s="7" t="s">
        <v>1227</v>
      </c>
    </row>
    <row r="200" spans="1:5" s="8" customFormat="1" ht="28.5" customHeight="1" x14ac:dyDescent="0.15">
      <c r="A200" s="6" t="s">
        <v>1223</v>
      </c>
      <c r="B200" s="6">
        <v>9400574</v>
      </c>
      <c r="C200" s="7" t="s">
        <v>1228</v>
      </c>
      <c r="D200" s="6" t="s">
        <v>174</v>
      </c>
      <c r="E200" s="7" t="s">
        <v>1229</v>
      </c>
    </row>
    <row r="201" spans="1:5" s="8" customFormat="1" ht="28.5" customHeight="1" x14ac:dyDescent="0.15">
      <c r="A201" s="6" t="s">
        <v>1223</v>
      </c>
      <c r="B201" s="6">
        <v>9400715</v>
      </c>
      <c r="C201" s="7" t="s">
        <v>1230</v>
      </c>
      <c r="D201" s="6" t="s">
        <v>175</v>
      </c>
      <c r="E201" s="7" t="s">
        <v>1231</v>
      </c>
    </row>
    <row r="202" spans="1:5" s="8" customFormat="1" ht="28.5" customHeight="1" x14ac:dyDescent="0.15">
      <c r="A202" s="6" t="s">
        <v>1223</v>
      </c>
      <c r="B202" s="6">
        <v>9400814</v>
      </c>
      <c r="C202" s="7" t="s">
        <v>1232</v>
      </c>
      <c r="D202" s="6" t="s">
        <v>7</v>
      </c>
      <c r="E202" s="7" t="s">
        <v>1233</v>
      </c>
    </row>
    <row r="203" spans="1:5" s="8" customFormat="1" ht="28.5" customHeight="1" x14ac:dyDescent="0.15">
      <c r="A203" s="6" t="s">
        <v>1223</v>
      </c>
      <c r="B203" s="6">
        <v>9400863</v>
      </c>
      <c r="C203" s="7" t="s">
        <v>1234</v>
      </c>
      <c r="D203" s="6" t="s">
        <v>176</v>
      </c>
      <c r="E203" s="7" t="s">
        <v>1235</v>
      </c>
    </row>
    <row r="204" spans="1:5" s="8" customFormat="1" ht="28.5" customHeight="1" x14ac:dyDescent="0.15">
      <c r="A204" s="6" t="s">
        <v>1223</v>
      </c>
      <c r="B204" s="6">
        <v>9400871</v>
      </c>
      <c r="C204" s="7" t="s">
        <v>1236</v>
      </c>
      <c r="D204" s="6" t="s">
        <v>177</v>
      </c>
      <c r="E204" s="7" t="s">
        <v>1237</v>
      </c>
    </row>
    <row r="205" spans="1:5" s="8" customFormat="1" ht="28.5" customHeight="1" x14ac:dyDescent="0.15">
      <c r="A205" s="6" t="s">
        <v>1223</v>
      </c>
      <c r="B205" s="6">
        <v>9401044</v>
      </c>
      <c r="C205" s="7" t="s">
        <v>922</v>
      </c>
      <c r="D205" s="6" t="s">
        <v>8</v>
      </c>
      <c r="E205" s="7" t="s">
        <v>1238</v>
      </c>
    </row>
    <row r="206" spans="1:5" s="8" customFormat="1" ht="28.5" customHeight="1" x14ac:dyDescent="0.15">
      <c r="A206" s="6" t="s">
        <v>1223</v>
      </c>
      <c r="B206" s="6">
        <v>9401051</v>
      </c>
      <c r="C206" s="7" t="s">
        <v>1239</v>
      </c>
      <c r="D206" s="6" t="s">
        <v>177</v>
      </c>
      <c r="E206" s="7" t="s">
        <v>1240</v>
      </c>
    </row>
    <row r="207" spans="1:5" s="8" customFormat="1" ht="28.5" customHeight="1" x14ac:dyDescent="0.15">
      <c r="A207" s="6" t="s">
        <v>1223</v>
      </c>
      <c r="B207" s="6">
        <v>9401077</v>
      </c>
      <c r="C207" s="7" t="s">
        <v>1241</v>
      </c>
      <c r="D207" s="6" t="s">
        <v>177</v>
      </c>
      <c r="E207" s="7" t="s">
        <v>1242</v>
      </c>
    </row>
    <row r="208" spans="1:5" s="8" customFormat="1" ht="28.5" customHeight="1" x14ac:dyDescent="0.15">
      <c r="A208" s="6" t="s">
        <v>1223</v>
      </c>
      <c r="B208" s="6">
        <v>9401101</v>
      </c>
      <c r="C208" s="7" t="s">
        <v>1243</v>
      </c>
      <c r="D208" s="6" t="s">
        <v>178</v>
      </c>
      <c r="E208" s="7" t="s">
        <v>1244</v>
      </c>
    </row>
    <row r="209" spans="1:5" s="8" customFormat="1" ht="28.5" customHeight="1" x14ac:dyDescent="0.15">
      <c r="A209" s="6" t="s">
        <v>1223</v>
      </c>
      <c r="B209" s="6">
        <v>9401135</v>
      </c>
      <c r="C209" s="7" t="s">
        <v>1245</v>
      </c>
      <c r="D209" s="6" t="s">
        <v>179</v>
      </c>
      <c r="E209" s="7" t="s">
        <v>1246</v>
      </c>
    </row>
    <row r="210" spans="1:5" s="8" customFormat="1" ht="28.5" customHeight="1" x14ac:dyDescent="0.15">
      <c r="A210" s="6" t="s">
        <v>1223</v>
      </c>
      <c r="B210" s="6">
        <v>9401168</v>
      </c>
      <c r="C210" s="7" t="s">
        <v>1247</v>
      </c>
      <c r="D210" s="6" t="s">
        <v>174</v>
      </c>
      <c r="E210" s="7" t="s">
        <v>1248</v>
      </c>
    </row>
    <row r="211" spans="1:5" s="8" customFormat="1" ht="28.5" customHeight="1" x14ac:dyDescent="0.15">
      <c r="A211" s="6" t="s">
        <v>1223</v>
      </c>
      <c r="B211" s="6">
        <v>9401226</v>
      </c>
      <c r="C211" s="7" t="s">
        <v>1249</v>
      </c>
      <c r="D211" s="6" t="s">
        <v>180</v>
      </c>
      <c r="E211" s="7" t="s">
        <v>1250</v>
      </c>
    </row>
    <row r="212" spans="1:5" s="8" customFormat="1" ht="28.5" customHeight="1" x14ac:dyDescent="0.15">
      <c r="A212" s="6" t="s">
        <v>1223</v>
      </c>
      <c r="B212" s="6">
        <v>9401309</v>
      </c>
      <c r="C212" s="7" t="s">
        <v>1251</v>
      </c>
      <c r="D212" s="6" t="s">
        <v>181</v>
      </c>
      <c r="E212" s="7" t="s">
        <v>1252</v>
      </c>
    </row>
    <row r="213" spans="1:5" s="8" customFormat="1" ht="28.5" customHeight="1" x14ac:dyDescent="0.15">
      <c r="A213" s="6" t="s">
        <v>1223</v>
      </c>
      <c r="B213" s="6">
        <v>9401317</v>
      </c>
      <c r="C213" s="7" t="s">
        <v>182</v>
      </c>
      <c r="D213" s="6" t="s">
        <v>174</v>
      </c>
      <c r="E213" s="7" t="s">
        <v>1253</v>
      </c>
    </row>
    <row r="214" spans="1:5" s="8" customFormat="1" ht="28.5" customHeight="1" x14ac:dyDescent="0.15">
      <c r="A214" s="6" t="s">
        <v>1223</v>
      </c>
      <c r="B214" s="6">
        <v>9401382</v>
      </c>
      <c r="C214" s="7" t="s">
        <v>1254</v>
      </c>
      <c r="D214" s="6" t="s">
        <v>176</v>
      </c>
      <c r="E214" s="7" t="s">
        <v>1255</v>
      </c>
    </row>
    <row r="215" spans="1:5" s="8" customFormat="1" ht="28.5" customHeight="1" x14ac:dyDescent="0.15">
      <c r="A215" s="6" t="s">
        <v>1223</v>
      </c>
      <c r="B215" s="6">
        <v>9401531</v>
      </c>
      <c r="C215" s="7" t="s">
        <v>1256</v>
      </c>
      <c r="D215" s="6" t="s">
        <v>184</v>
      </c>
      <c r="E215" s="7" t="s">
        <v>1257</v>
      </c>
    </row>
    <row r="216" spans="1:5" s="8" customFormat="1" ht="28.5" customHeight="1" x14ac:dyDescent="0.15">
      <c r="A216" s="6" t="s">
        <v>1223</v>
      </c>
      <c r="B216" s="6">
        <v>9401606</v>
      </c>
      <c r="C216" s="7" t="s">
        <v>1236</v>
      </c>
      <c r="D216" s="6" t="s">
        <v>177</v>
      </c>
      <c r="E216" s="7" t="s">
        <v>1258</v>
      </c>
    </row>
    <row r="217" spans="1:5" s="8" customFormat="1" ht="28.5" customHeight="1" x14ac:dyDescent="0.15">
      <c r="A217" s="6" t="s">
        <v>1223</v>
      </c>
      <c r="B217" s="6">
        <v>9401739</v>
      </c>
      <c r="C217" s="7" t="s">
        <v>1259</v>
      </c>
      <c r="D217" s="6" t="s">
        <v>174</v>
      </c>
      <c r="E217" s="7" t="s">
        <v>1260</v>
      </c>
    </row>
    <row r="218" spans="1:5" s="8" customFormat="1" ht="28.5" customHeight="1" x14ac:dyDescent="0.15">
      <c r="A218" s="6" t="s">
        <v>1223</v>
      </c>
      <c r="B218" s="6">
        <v>9401747</v>
      </c>
      <c r="C218" s="7" t="s">
        <v>1261</v>
      </c>
      <c r="D218" s="6" t="s">
        <v>177</v>
      </c>
      <c r="E218" s="7" t="s">
        <v>1262</v>
      </c>
    </row>
    <row r="219" spans="1:5" s="8" customFormat="1" ht="28.5" customHeight="1" x14ac:dyDescent="0.15">
      <c r="A219" s="6" t="s">
        <v>1223</v>
      </c>
      <c r="B219" s="6">
        <v>9401812</v>
      </c>
      <c r="C219" s="7" t="s">
        <v>1263</v>
      </c>
      <c r="D219" s="6" t="s">
        <v>176</v>
      </c>
      <c r="E219" s="7" t="s">
        <v>1264</v>
      </c>
    </row>
    <row r="220" spans="1:5" s="8" customFormat="1" ht="28.5" customHeight="1" x14ac:dyDescent="0.15">
      <c r="A220" s="6" t="s">
        <v>1223</v>
      </c>
      <c r="B220" s="6">
        <v>9401861</v>
      </c>
      <c r="C220" s="7" t="s">
        <v>1265</v>
      </c>
      <c r="D220" s="6" t="s">
        <v>184</v>
      </c>
      <c r="E220" s="7" t="s">
        <v>1266</v>
      </c>
    </row>
    <row r="221" spans="1:5" s="8" customFormat="1" ht="28.5" customHeight="1" x14ac:dyDescent="0.15">
      <c r="A221" s="6" t="s">
        <v>1223</v>
      </c>
      <c r="B221" s="6">
        <v>9401879</v>
      </c>
      <c r="C221" s="7" t="s">
        <v>1267</v>
      </c>
      <c r="D221" s="6" t="s">
        <v>184</v>
      </c>
      <c r="E221" s="7" t="s">
        <v>1268</v>
      </c>
    </row>
    <row r="222" spans="1:5" s="8" customFormat="1" ht="28.5" customHeight="1" x14ac:dyDescent="0.15">
      <c r="A222" s="6" t="s">
        <v>1223</v>
      </c>
      <c r="B222" s="6">
        <v>9401887</v>
      </c>
      <c r="C222" s="7" t="s">
        <v>1269</v>
      </c>
      <c r="D222" s="6" t="s">
        <v>185</v>
      </c>
      <c r="E222" s="7" t="s">
        <v>1270</v>
      </c>
    </row>
    <row r="223" spans="1:5" s="8" customFormat="1" ht="28.5" customHeight="1" x14ac:dyDescent="0.15">
      <c r="A223" s="6" t="s">
        <v>1223</v>
      </c>
      <c r="B223" s="6">
        <v>9401929</v>
      </c>
      <c r="C223" s="7" t="s">
        <v>186</v>
      </c>
      <c r="D223" s="6" t="s">
        <v>180</v>
      </c>
      <c r="E223" s="7" t="s">
        <v>1271</v>
      </c>
    </row>
    <row r="224" spans="1:5" s="8" customFormat="1" ht="28.5" customHeight="1" x14ac:dyDescent="0.15">
      <c r="A224" s="6" t="s">
        <v>1223</v>
      </c>
      <c r="B224" s="6">
        <v>9401952</v>
      </c>
      <c r="C224" s="7" t="s">
        <v>1272</v>
      </c>
      <c r="D224" s="6" t="s">
        <v>187</v>
      </c>
      <c r="E224" s="7" t="s">
        <v>1273</v>
      </c>
    </row>
    <row r="225" spans="1:5" s="8" customFormat="1" ht="28.5" customHeight="1" x14ac:dyDescent="0.15">
      <c r="A225" s="6" t="s">
        <v>1223</v>
      </c>
      <c r="B225" s="6">
        <v>9401960</v>
      </c>
      <c r="C225" s="7" t="s">
        <v>1274</v>
      </c>
      <c r="D225" s="6" t="s">
        <v>174</v>
      </c>
      <c r="E225" s="7" t="s">
        <v>1275</v>
      </c>
    </row>
    <row r="226" spans="1:5" s="8" customFormat="1" ht="28.5" customHeight="1" x14ac:dyDescent="0.15">
      <c r="A226" s="6" t="s">
        <v>1223</v>
      </c>
      <c r="B226" s="6">
        <v>9402026</v>
      </c>
      <c r="C226" s="7" t="s">
        <v>1276</v>
      </c>
      <c r="D226" s="6" t="s">
        <v>188</v>
      </c>
      <c r="E226" s="7" t="s">
        <v>1277</v>
      </c>
    </row>
    <row r="227" spans="1:5" s="8" customFormat="1" ht="28.5" customHeight="1" x14ac:dyDescent="0.15">
      <c r="A227" s="6" t="s">
        <v>1223</v>
      </c>
      <c r="B227" s="6">
        <v>9402034</v>
      </c>
      <c r="C227" s="7" t="s">
        <v>1249</v>
      </c>
      <c r="D227" s="6" t="s">
        <v>189</v>
      </c>
      <c r="E227" s="7" t="s">
        <v>1278</v>
      </c>
    </row>
    <row r="228" spans="1:5" s="8" customFormat="1" ht="28.5" customHeight="1" x14ac:dyDescent="0.15">
      <c r="A228" s="6" t="s">
        <v>1223</v>
      </c>
      <c r="B228" s="6">
        <v>9402042</v>
      </c>
      <c r="C228" s="7" t="s">
        <v>1279</v>
      </c>
      <c r="D228" s="6" t="s">
        <v>190</v>
      </c>
      <c r="E228" s="7" t="s">
        <v>1280</v>
      </c>
    </row>
    <row r="229" spans="1:5" s="8" customFormat="1" ht="28.5" customHeight="1" x14ac:dyDescent="0.15">
      <c r="A229" s="6" t="s">
        <v>1223</v>
      </c>
      <c r="B229" s="6">
        <v>9402067</v>
      </c>
      <c r="C229" s="7" t="s">
        <v>1281</v>
      </c>
      <c r="D229" s="6" t="s">
        <v>191</v>
      </c>
      <c r="E229" s="7" t="s">
        <v>1282</v>
      </c>
    </row>
    <row r="230" spans="1:5" s="8" customFormat="1" ht="28.5" customHeight="1" x14ac:dyDescent="0.15">
      <c r="A230" s="6" t="s">
        <v>1223</v>
      </c>
      <c r="B230" s="6">
        <v>9402075</v>
      </c>
      <c r="C230" s="7" t="s">
        <v>1283</v>
      </c>
      <c r="D230" s="6" t="s">
        <v>192</v>
      </c>
      <c r="E230" s="7" t="s">
        <v>1284</v>
      </c>
    </row>
    <row r="231" spans="1:5" s="8" customFormat="1" ht="28.5" customHeight="1" x14ac:dyDescent="0.15">
      <c r="A231" s="6" t="s">
        <v>1223</v>
      </c>
      <c r="B231" s="6">
        <v>9402125</v>
      </c>
      <c r="C231" s="7" t="s">
        <v>1285</v>
      </c>
      <c r="D231" s="6" t="s">
        <v>190</v>
      </c>
      <c r="E231" s="7" t="s">
        <v>1286</v>
      </c>
    </row>
    <row r="232" spans="1:5" s="8" customFormat="1" ht="28.5" customHeight="1" x14ac:dyDescent="0.15">
      <c r="A232" s="6" t="s">
        <v>1223</v>
      </c>
      <c r="B232" s="6">
        <v>9402190</v>
      </c>
      <c r="C232" s="7" t="s">
        <v>1287</v>
      </c>
      <c r="D232" s="6" t="s">
        <v>194</v>
      </c>
      <c r="E232" s="7" t="s">
        <v>1288</v>
      </c>
    </row>
    <row r="233" spans="1:5" s="8" customFormat="1" ht="28.5" customHeight="1" x14ac:dyDescent="0.15">
      <c r="A233" s="6" t="s">
        <v>1223</v>
      </c>
      <c r="B233" s="6">
        <v>9402208</v>
      </c>
      <c r="C233" s="7" t="s">
        <v>1289</v>
      </c>
      <c r="D233" s="6" t="s">
        <v>195</v>
      </c>
      <c r="E233" s="7" t="s">
        <v>1290</v>
      </c>
    </row>
    <row r="234" spans="1:5" s="8" customFormat="1" ht="28.5" customHeight="1" x14ac:dyDescent="0.15">
      <c r="A234" s="6" t="s">
        <v>1223</v>
      </c>
      <c r="B234" s="6">
        <v>9402232</v>
      </c>
      <c r="C234" s="7" t="s">
        <v>1291</v>
      </c>
      <c r="D234" s="6" t="s">
        <v>196</v>
      </c>
      <c r="E234" s="7" t="s">
        <v>1292</v>
      </c>
    </row>
    <row r="235" spans="1:5" s="8" customFormat="1" ht="28.5" customHeight="1" x14ac:dyDescent="0.15">
      <c r="A235" s="6" t="s">
        <v>1223</v>
      </c>
      <c r="B235" s="6">
        <v>9402240</v>
      </c>
      <c r="C235" s="7" t="s">
        <v>1293</v>
      </c>
      <c r="D235" s="6" t="s">
        <v>197</v>
      </c>
      <c r="E235" s="7" t="s">
        <v>1294</v>
      </c>
    </row>
    <row r="236" spans="1:5" s="8" customFormat="1" ht="28.5" customHeight="1" x14ac:dyDescent="0.15">
      <c r="A236" s="6" t="s">
        <v>1223</v>
      </c>
      <c r="B236" s="6">
        <v>9402257</v>
      </c>
      <c r="C236" s="7" t="s">
        <v>1295</v>
      </c>
      <c r="D236" s="6" t="s">
        <v>174</v>
      </c>
      <c r="E236" s="7" t="s">
        <v>1296</v>
      </c>
    </row>
    <row r="237" spans="1:5" s="8" customFormat="1" ht="28.5" customHeight="1" x14ac:dyDescent="0.15">
      <c r="A237" s="6" t="s">
        <v>1223</v>
      </c>
      <c r="B237" s="6">
        <v>9402265</v>
      </c>
      <c r="C237" s="7" t="s">
        <v>1297</v>
      </c>
      <c r="D237" s="6" t="s">
        <v>181</v>
      </c>
      <c r="E237" s="7" t="s">
        <v>1298</v>
      </c>
    </row>
    <row r="238" spans="1:5" s="8" customFormat="1" ht="28.5" customHeight="1" x14ac:dyDescent="0.15">
      <c r="A238" s="6" t="s">
        <v>1223</v>
      </c>
      <c r="B238" s="6">
        <v>9402299</v>
      </c>
      <c r="C238" s="7" t="s">
        <v>1299</v>
      </c>
      <c r="D238" s="6" t="s">
        <v>198</v>
      </c>
      <c r="E238" s="7" t="s">
        <v>1300</v>
      </c>
    </row>
    <row r="239" spans="1:5" s="8" customFormat="1" ht="28.5" customHeight="1" x14ac:dyDescent="0.15">
      <c r="A239" s="6" t="s">
        <v>1223</v>
      </c>
      <c r="B239" s="6">
        <v>9402307</v>
      </c>
      <c r="C239" s="7" t="s">
        <v>1301</v>
      </c>
      <c r="D239" s="6" t="s">
        <v>176</v>
      </c>
      <c r="E239" s="7" t="s">
        <v>1302</v>
      </c>
    </row>
    <row r="240" spans="1:5" s="8" customFormat="1" ht="28.5" customHeight="1" x14ac:dyDescent="0.15">
      <c r="A240" s="6" t="s">
        <v>1223</v>
      </c>
      <c r="B240" s="6" t="s">
        <v>199</v>
      </c>
      <c r="C240" s="7" t="s">
        <v>1303</v>
      </c>
      <c r="D240" s="6" t="s">
        <v>178</v>
      </c>
      <c r="E240" s="7" t="s">
        <v>1304</v>
      </c>
    </row>
    <row r="241" spans="1:5" s="8" customFormat="1" ht="28.5" customHeight="1" x14ac:dyDescent="0.15">
      <c r="A241" s="6" t="s">
        <v>1223</v>
      </c>
      <c r="B241" s="6">
        <v>9402364</v>
      </c>
      <c r="C241" s="7" t="s">
        <v>1305</v>
      </c>
      <c r="D241" s="6" t="s">
        <v>200</v>
      </c>
      <c r="E241" s="7" t="s">
        <v>1306</v>
      </c>
    </row>
    <row r="242" spans="1:5" s="8" customFormat="1" ht="28.5" customHeight="1" x14ac:dyDescent="0.15">
      <c r="A242" s="6" t="s">
        <v>1223</v>
      </c>
      <c r="B242" s="6" t="s">
        <v>201</v>
      </c>
      <c r="C242" s="7" t="s">
        <v>1307</v>
      </c>
      <c r="D242" s="6" t="s">
        <v>202</v>
      </c>
      <c r="E242" s="7" t="s">
        <v>1308</v>
      </c>
    </row>
    <row r="243" spans="1:5" s="8" customFormat="1" ht="28.5" customHeight="1" x14ac:dyDescent="0.15">
      <c r="A243" s="6" t="s">
        <v>1223</v>
      </c>
      <c r="B243" s="6" t="s">
        <v>203</v>
      </c>
      <c r="C243" s="7" t="s">
        <v>1309</v>
      </c>
      <c r="D243" s="6" t="s">
        <v>184</v>
      </c>
      <c r="E243" s="7" t="s">
        <v>1310</v>
      </c>
    </row>
    <row r="244" spans="1:5" s="8" customFormat="1" ht="28.5" customHeight="1" x14ac:dyDescent="0.15">
      <c r="A244" s="6" t="s">
        <v>1223</v>
      </c>
      <c r="B244" s="6" t="s">
        <v>205</v>
      </c>
      <c r="C244" s="7" t="s">
        <v>1311</v>
      </c>
      <c r="D244" s="6" t="s">
        <v>206</v>
      </c>
      <c r="E244" s="7" t="s">
        <v>1312</v>
      </c>
    </row>
    <row r="245" spans="1:5" s="8" customFormat="1" ht="28.5" customHeight="1" x14ac:dyDescent="0.15">
      <c r="A245" s="6" t="s">
        <v>1223</v>
      </c>
      <c r="B245" s="6" t="s">
        <v>207</v>
      </c>
      <c r="C245" s="7" t="s">
        <v>1313</v>
      </c>
      <c r="D245" s="6" t="s">
        <v>208</v>
      </c>
      <c r="E245" s="7" t="s">
        <v>1314</v>
      </c>
    </row>
    <row r="246" spans="1:5" s="8" customFormat="1" ht="28.5" customHeight="1" x14ac:dyDescent="0.15">
      <c r="A246" s="6" t="s">
        <v>1223</v>
      </c>
      <c r="B246" s="6" t="s">
        <v>209</v>
      </c>
      <c r="C246" s="7" t="s">
        <v>1315</v>
      </c>
      <c r="D246" s="6" t="s">
        <v>181</v>
      </c>
      <c r="E246" s="7" t="s">
        <v>1316</v>
      </c>
    </row>
    <row r="247" spans="1:5" s="8" customFormat="1" ht="28.5" customHeight="1" x14ac:dyDescent="0.15">
      <c r="A247" s="6" t="s">
        <v>1223</v>
      </c>
      <c r="B247" s="6" t="s">
        <v>210</v>
      </c>
      <c r="C247" s="7" t="s">
        <v>1317</v>
      </c>
      <c r="D247" s="6" t="s">
        <v>200</v>
      </c>
      <c r="E247" s="7" t="s">
        <v>1318</v>
      </c>
    </row>
    <row r="248" spans="1:5" s="8" customFormat="1" ht="28.5" customHeight="1" x14ac:dyDescent="0.15">
      <c r="A248" s="6" t="s">
        <v>1223</v>
      </c>
      <c r="B248" s="6" t="s">
        <v>211</v>
      </c>
      <c r="C248" s="7" t="s">
        <v>1319</v>
      </c>
      <c r="D248" s="6" t="s">
        <v>176</v>
      </c>
      <c r="E248" s="7" t="s">
        <v>1320</v>
      </c>
    </row>
    <row r="249" spans="1:5" s="8" customFormat="1" ht="28.5" customHeight="1" x14ac:dyDescent="0.15">
      <c r="A249" s="6" t="s">
        <v>1223</v>
      </c>
      <c r="B249" s="6">
        <v>9402505</v>
      </c>
      <c r="C249" s="7" t="s">
        <v>1321</v>
      </c>
      <c r="D249" s="6" t="s">
        <v>198</v>
      </c>
      <c r="E249" s="7" t="s">
        <v>1322</v>
      </c>
    </row>
    <row r="250" spans="1:5" s="8" customFormat="1" ht="28.5" customHeight="1" x14ac:dyDescent="0.15">
      <c r="A250" s="6" t="s">
        <v>1223</v>
      </c>
      <c r="B250" s="6">
        <v>9402513</v>
      </c>
      <c r="C250" s="7" t="s">
        <v>1323</v>
      </c>
      <c r="D250" s="6" t="s">
        <v>184</v>
      </c>
      <c r="E250" s="7" t="s">
        <v>1324</v>
      </c>
    </row>
    <row r="251" spans="1:5" s="8" customFormat="1" ht="28.5" customHeight="1" x14ac:dyDescent="0.15">
      <c r="A251" s="6" t="s">
        <v>1223</v>
      </c>
      <c r="B251" s="6">
        <v>9402521</v>
      </c>
      <c r="C251" s="7" t="s">
        <v>1325</v>
      </c>
      <c r="D251" s="6" t="s">
        <v>212</v>
      </c>
      <c r="E251" s="7" t="s">
        <v>1326</v>
      </c>
    </row>
    <row r="252" spans="1:5" s="8" customFormat="1" ht="28.5" customHeight="1" x14ac:dyDescent="0.15">
      <c r="A252" s="6" t="s">
        <v>1223</v>
      </c>
      <c r="B252" s="6">
        <v>9402539</v>
      </c>
      <c r="C252" s="7" t="s">
        <v>1327</v>
      </c>
      <c r="D252" s="6" t="s">
        <v>212</v>
      </c>
      <c r="E252" s="7" t="s">
        <v>1328</v>
      </c>
    </row>
    <row r="253" spans="1:5" s="8" customFormat="1" ht="28.5" customHeight="1" x14ac:dyDescent="0.15">
      <c r="A253" s="6" t="s">
        <v>1223</v>
      </c>
      <c r="B253" s="6">
        <v>9402554</v>
      </c>
      <c r="C253" s="7" t="s">
        <v>1329</v>
      </c>
      <c r="D253" s="6" t="s">
        <v>213</v>
      </c>
      <c r="E253" s="7" t="s">
        <v>1330</v>
      </c>
    </row>
    <row r="254" spans="1:5" s="8" customFormat="1" ht="28.5" customHeight="1" x14ac:dyDescent="0.15">
      <c r="A254" s="6" t="s">
        <v>1223</v>
      </c>
      <c r="B254" s="6">
        <v>9402562</v>
      </c>
      <c r="C254" s="7" t="s">
        <v>1331</v>
      </c>
      <c r="D254" s="6" t="s">
        <v>177</v>
      </c>
      <c r="E254" s="7" t="s">
        <v>1332</v>
      </c>
    </row>
    <row r="255" spans="1:5" s="8" customFormat="1" ht="28.5" customHeight="1" x14ac:dyDescent="0.15">
      <c r="A255" s="6" t="s">
        <v>1223</v>
      </c>
      <c r="B255" s="6">
        <v>9402570</v>
      </c>
      <c r="C255" s="7" t="s">
        <v>1333</v>
      </c>
      <c r="D255" s="6" t="s">
        <v>181</v>
      </c>
      <c r="E255" s="7" t="s">
        <v>1334</v>
      </c>
    </row>
    <row r="256" spans="1:5" s="8" customFormat="1" ht="28.5" customHeight="1" x14ac:dyDescent="0.15">
      <c r="A256" s="6" t="s">
        <v>1223</v>
      </c>
      <c r="B256" s="6">
        <v>9402596</v>
      </c>
      <c r="C256" s="7" t="s">
        <v>1335</v>
      </c>
      <c r="D256" s="6" t="s">
        <v>214</v>
      </c>
      <c r="E256" s="7" t="s">
        <v>1336</v>
      </c>
    </row>
    <row r="257" spans="1:5" s="8" customFormat="1" ht="28.5" customHeight="1" x14ac:dyDescent="0.15">
      <c r="A257" s="6" t="s">
        <v>1223</v>
      </c>
      <c r="B257" s="6">
        <v>9402612</v>
      </c>
      <c r="C257" s="7" t="s">
        <v>1337</v>
      </c>
      <c r="D257" s="6" t="s">
        <v>1338</v>
      </c>
      <c r="E257" s="7" t="s">
        <v>1339</v>
      </c>
    </row>
    <row r="258" spans="1:5" s="8" customFormat="1" ht="28.5" customHeight="1" x14ac:dyDescent="0.15">
      <c r="A258" s="6" t="s">
        <v>1223</v>
      </c>
      <c r="B258" s="6">
        <v>9402620</v>
      </c>
      <c r="C258" s="7" t="s">
        <v>1340</v>
      </c>
      <c r="D258" s="6" t="s">
        <v>215</v>
      </c>
      <c r="E258" s="7" t="s">
        <v>1341</v>
      </c>
    </row>
    <row r="259" spans="1:5" s="8" customFormat="1" ht="28.5" customHeight="1" x14ac:dyDescent="0.15">
      <c r="A259" s="6" t="s">
        <v>1223</v>
      </c>
      <c r="B259" s="6">
        <v>9402638</v>
      </c>
      <c r="C259" s="7" t="s">
        <v>1342</v>
      </c>
      <c r="D259" s="6" t="s">
        <v>216</v>
      </c>
      <c r="E259" s="7" t="s">
        <v>1343</v>
      </c>
    </row>
    <row r="260" spans="1:5" s="8" customFormat="1" ht="28.5" customHeight="1" x14ac:dyDescent="0.15">
      <c r="A260" s="6" t="s">
        <v>1223</v>
      </c>
      <c r="B260" s="6" t="s">
        <v>217</v>
      </c>
      <c r="C260" s="7" t="s">
        <v>1344</v>
      </c>
      <c r="D260" s="6" t="s">
        <v>176</v>
      </c>
      <c r="E260" s="7" t="s">
        <v>1345</v>
      </c>
    </row>
    <row r="261" spans="1:5" s="8" customFormat="1" ht="28.5" customHeight="1" x14ac:dyDescent="0.15">
      <c r="A261" s="6" t="s">
        <v>1223</v>
      </c>
      <c r="B261" s="6" t="s">
        <v>218</v>
      </c>
      <c r="C261" s="7" t="s">
        <v>1346</v>
      </c>
      <c r="D261" s="6" t="s">
        <v>219</v>
      </c>
      <c r="E261" s="7" t="s">
        <v>1347</v>
      </c>
    </row>
    <row r="262" spans="1:5" s="8" customFormat="1" ht="28.5" customHeight="1" x14ac:dyDescent="0.15">
      <c r="A262" s="6" t="s">
        <v>1223</v>
      </c>
      <c r="B262" s="6" t="s">
        <v>220</v>
      </c>
      <c r="C262" s="7" t="s">
        <v>1348</v>
      </c>
      <c r="D262" s="6" t="s">
        <v>183</v>
      </c>
      <c r="E262" s="7" t="s">
        <v>1349</v>
      </c>
    </row>
    <row r="263" spans="1:5" s="8" customFormat="1" ht="28.5" customHeight="1" x14ac:dyDescent="0.15">
      <c r="A263" s="6" t="s">
        <v>1223</v>
      </c>
      <c r="B263" s="6" t="s">
        <v>221</v>
      </c>
      <c r="C263" s="7" t="s">
        <v>3408</v>
      </c>
      <c r="D263" s="6" t="s">
        <v>206</v>
      </c>
      <c r="E263" s="7" t="s">
        <v>1350</v>
      </c>
    </row>
    <row r="264" spans="1:5" s="8" customFormat="1" ht="28.5" customHeight="1" x14ac:dyDescent="0.15">
      <c r="A264" s="6" t="s">
        <v>1223</v>
      </c>
      <c r="B264" s="6" t="s">
        <v>222</v>
      </c>
      <c r="C264" s="7" t="s">
        <v>1351</v>
      </c>
      <c r="D264" s="6" t="s">
        <v>177</v>
      </c>
      <c r="E264" s="7" t="s">
        <v>1352</v>
      </c>
    </row>
    <row r="265" spans="1:5" s="8" customFormat="1" ht="28.5" customHeight="1" x14ac:dyDescent="0.15">
      <c r="A265" s="6" t="s">
        <v>1223</v>
      </c>
      <c r="B265" s="6" t="s">
        <v>223</v>
      </c>
      <c r="C265" s="7" t="s">
        <v>1353</v>
      </c>
      <c r="D265" s="6" t="s">
        <v>192</v>
      </c>
      <c r="E265" s="7" t="s">
        <v>1354</v>
      </c>
    </row>
    <row r="266" spans="1:5" s="8" customFormat="1" ht="28.5" customHeight="1" x14ac:dyDescent="0.15">
      <c r="A266" s="6" t="s">
        <v>1223</v>
      </c>
      <c r="B266" s="6">
        <v>9402778</v>
      </c>
      <c r="C266" s="7" t="s">
        <v>1355</v>
      </c>
      <c r="D266" s="6" t="s">
        <v>185</v>
      </c>
      <c r="E266" s="7" t="s">
        <v>1356</v>
      </c>
    </row>
    <row r="267" spans="1:5" s="8" customFormat="1" ht="28.5" customHeight="1" x14ac:dyDescent="0.15">
      <c r="A267" s="6" t="s">
        <v>1223</v>
      </c>
      <c r="B267" s="6" t="s">
        <v>224</v>
      </c>
      <c r="C267" s="7" t="s">
        <v>1357</v>
      </c>
      <c r="D267" s="6" t="s">
        <v>176</v>
      </c>
      <c r="E267" s="7" t="s">
        <v>1358</v>
      </c>
    </row>
    <row r="268" spans="1:5" s="8" customFormat="1" ht="28.5" customHeight="1" x14ac:dyDescent="0.15">
      <c r="A268" s="6" t="s">
        <v>1223</v>
      </c>
      <c r="B268" s="6" t="s">
        <v>225</v>
      </c>
      <c r="C268" s="7" t="s">
        <v>1359</v>
      </c>
      <c r="D268" s="6" t="s">
        <v>187</v>
      </c>
      <c r="E268" s="7" t="s">
        <v>1360</v>
      </c>
    </row>
    <row r="269" spans="1:5" s="8" customFormat="1" ht="28.5" customHeight="1" x14ac:dyDescent="0.15">
      <c r="A269" s="6" t="s">
        <v>1223</v>
      </c>
      <c r="B269" s="6" t="s">
        <v>226</v>
      </c>
      <c r="C269" s="7" t="s">
        <v>1361</v>
      </c>
      <c r="D269" s="6" t="s">
        <v>174</v>
      </c>
      <c r="E269" s="7" t="s">
        <v>1362</v>
      </c>
    </row>
    <row r="270" spans="1:5" s="8" customFormat="1" ht="28.5" customHeight="1" x14ac:dyDescent="0.15">
      <c r="A270" s="6" t="s">
        <v>1223</v>
      </c>
      <c r="B270" s="6" t="s">
        <v>227</v>
      </c>
      <c r="C270" s="7" t="s">
        <v>1363</v>
      </c>
      <c r="D270" s="6" t="s">
        <v>8</v>
      </c>
      <c r="E270" s="7" t="s">
        <v>1364</v>
      </c>
    </row>
    <row r="271" spans="1:5" s="8" customFormat="1" ht="28.5" customHeight="1" x14ac:dyDescent="0.15">
      <c r="A271" s="6" t="s">
        <v>1223</v>
      </c>
      <c r="B271" s="6" t="s">
        <v>1365</v>
      </c>
      <c r="C271" s="7" t="s">
        <v>1366</v>
      </c>
      <c r="D271" s="6" t="s">
        <v>194</v>
      </c>
      <c r="E271" s="7" t="s">
        <v>1367</v>
      </c>
    </row>
    <row r="272" spans="1:5" s="8" customFormat="1" ht="28.5" customHeight="1" x14ac:dyDescent="0.15">
      <c r="A272" s="6" t="s">
        <v>1223</v>
      </c>
      <c r="B272" s="6" t="s">
        <v>1368</v>
      </c>
      <c r="C272" s="7" t="s">
        <v>1369</v>
      </c>
      <c r="D272" s="6" t="s">
        <v>192</v>
      </c>
      <c r="E272" s="7" t="s">
        <v>1370</v>
      </c>
    </row>
    <row r="273" spans="1:5" s="8" customFormat="1" ht="28.5" customHeight="1" x14ac:dyDescent="0.15">
      <c r="A273" s="6" t="s">
        <v>1371</v>
      </c>
      <c r="B273" s="6" t="s">
        <v>1372</v>
      </c>
      <c r="C273" s="7" t="s">
        <v>1373</v>
      </c>
      <c r="D273" s="6" t="s">
        <v>208</v>
      </c>
      <c r="E273" s="7" t="s">
        <v>1374</v>
      </c>
    </row>
    <row r="274" spans="1:5" s="8" customFormat="1" ht="28.5" customHeight="1" x14ac:dyDescent="0.15">
      <c r="A274" s="6" t="s">
        <v>1371</v>
      </c>
      <c r="B274" s="6" t="s">
        <v>1375</v>
      </c>
      <c r="C274" s="7" t="s">
        <v>1376</v>
      </c>
      <c r="D274" s="6" t="s">
        <v>177</v>
      </c>
      <c r="E274" s="7" t="s">
        <v>1377</v>
      </c>
    </row>
    <row r="275" spans="1:5" s="8" customFormat="1" ht="28.5" customHeight="1" x14ac:dyDescent="0.15">
      <c r="A275" s="6" t="s">
        <v>1223</v>
      </c>
      <c r="B275" s="6" t="s">
        <v>1378</v>
      </c>
      <c r="C275" s="7" t="s">
        <v>1379</v>
      </c>
      <c r="D275" s="6" t="s">
        <v>184</v>
      </c>
      <c r="E275" s="7" t="s">
        <v>1380</v>
      </c>
    </row>
    <row r="276" spans="1:5" s="8" customFormat="1" ht="28.5" customHeight="1" x14ac:dyDescent="0.15">
      <c r="A276" s="6" t="s">
        <v>1371</v>
      </c>
      <c r="B276" s="6" t="s">
        <v>1381</v>
      </c>
      <c r="C276" s="7" t="s">
        <v>1382</v>
      </c>
      <c r="D276" s="6" t="s">
        <v>184</v>
      </c>
      <c r="E276" s="7" t="s">
        <v>3423</v>
      </c>
    </row>
    <row r="277" spans="1:5" s="8" customFormat="1" ht="28.5" customHeight="1" x14ac:dyDescent="0.15">
      <c r="A277" s="6" t="s">
        <v>1223</v>
      </c>
      <c r="B277" s="6" t="s">
        <v>1383</v>
      </c>
      <c r="C277" s="7" t="s">
        <v>1384</v>
      </c>
      <c r="D277" s="6" t="s">
        <v>183</v>
      </c>
      <c r="E277" s="7" t="s">
        <v>1385</v>
      </c>
    </row>
    <row r="278" spans="1:5" s="8" customFormat="1" ht="28.5" customHeight="1" x14ac:dyDescent="0.15">
      <c r="A278" s="6" t="s">
        <v>1371</v>
      </c>
      <c r="B278" s="6" t="s">
        <v>1386</v>
      </c>
      <c r="C278" s="7" t="s">
        <v>1387</v>
      </c>
      <c r="D278" s="6" t="s">
        <v>8</v>
      </c>
      <c r="E278" s="7" t="s">
        <v>1388</v>
      </c>
    </row>
    <row r="279" spans="1:5" s="8" customFormat="1" ht="28.5" customHeight="1" x14ac:dyDescent="0.15">
      <c r="A279" s="6" t="s">
        <v>1223</v>
      </c>
      <c r="B279" s="6" t="s">
        <v>1389</v>
      </c>
      <c r="C279" s="7" t="s">
        <v>1390</v>
      </c>
      <c r="D279" s="6" t="s">
        <v>193</v>
      </c>
      <c r="E279" s="7" t="s">
        <v>1391</v>
      </c>
    </row>
    <row r="280" spans="1:5" s="8" customFormat="1" ht="28.5" customHeight="1" x14ac:dyDescent="0.15">
      <c r="A280" s="6" t="s">
        <v>1371</v>
      </c>
      <c r="B280" s="6" t="s">
        <v>1392</v>
      </c>
      <c r="C280" s="7" t="s">
        <v>1393</v>
      </c>
      <c r="D280" s="6" t="s">
        <v>1394</v>
      </c>
      <c r="E280" s="7" t="s">
        <v>1395</v>
      </c>
    </row>
    <row r="281" spans="1:5" s="8" customFormat="1" ht="28.5" customHeight="1" x14ac:dyDescent="0.15">
      <c r="A281" s="6" t="s">
        <v>1223</v>
      </c>
      <c r="B281" s="6" t="s">
        <v>1396</v>
      </c>
      <c r="C281" s="7" t="s">
        <v>1397</v>
      </c>
      <c r="D281" s="6" t="s">
        <v>204</v>
      </c>
      <c r="E281" s="7" t="s">
        <v>1398</v>
      </c>
    </row>
    <row r="282" spans="1:5" s="8" customFormat="1" ht="28.5" customHeight="1" x14ac:dyDescent="0.15">
      <c r="A282" s="6" t="s">
        <v>1223</v>
      </c>
      <c r="B282" s="6" t="s">
        <v>1399</v>
      </c>
      <c r="C282" s="7" t="s">
        <v>1400</v>
      </c>
      <c r="D282" s="6" t="s">
        <v>184</v>
      </c>
      <c r="E282" s="7" t="s">
        <v>1401</v>
      </c>
    </row>
    <row r="283" spans="1:5" s="8" customFormat="1" ht="28.5" customHeight="1" x14ac:dyDescent="0.15">
      <c r="A283" s="6" t="s">
        <v>1223</v>
      </c>
      <c r="B283" s="6" t="s">
        <v>1402</v>
      </c>
      <c r="C283" s="7" t="s">
        <v>1403</v>
      </c>
      <c r="D283" s="6" t="s">
        <v>184</v>
      </c>
      <c r="E283" s="7" t="s">
        <v>1404</v>
      </c>
    </row>
    <row r="284" spans="1:5" s="8" customFormat="1" ht="28.5" customHeight="1" x14ac:dyDescent="0.15">
      <c r="A284" s="6" t="s">
        <v>1405</v>
      </c>
      <c r="B284" s="6">
        <v>1800227</v>
      </c>
      <c r="C284" s="7" t="s">
        <v>1406</v>
      </c>
      <c r="D284" s="6" t="s">
        <v>228</v>
      </c>
      <c r="E284" s="7" t="s">
        <v>1407</v>
      </c>
    </row>
    <row r="285" spans="1:5" s="8" customFormat="1" ht="28.5" customHeight="1" x14ac:dyDescent="0.15">
      <c r="A285" s="6" t="s">
        <v>1405</v>
      </c>
      <c r="B285" s="6">
        <v>1800524</v>
      </c>
      <c r="C285" s="7" t="s">
        <v>1408</v>
      </c>
      <c r="D285" s="6" t="s">
        <v>229</v>
      </c>
      <c r="E285" s="7" t="s">
        <v>1409</v>
      </c>
    </row>
    <row r="286" spans="1:5" s="8" customFormat="1" ht="28.5" customHeight="1" x14ac:dyDescent="0.15">
      <c r="A286" s="6" t="s">
        <v>1405</v>
      </c>
      <c r="B286" s="6">
        <v>1800813</v>
      </c>
      <c r="C286" s="7" t="s">
        <v>1410</v>
      </c>
      <c r="D286" s="6" t="s">
        <v>230</v>
      </c>
      <c r="E286" s="7" t="s">
        <v>1411</v>
      </c>
    </row>
    <row r="287" spans="1:5" s="8" customFormat="1" ht="28.5" customHeight="1" x14ac:dyDescent="0.15">
      <c r="A287" s="6" t="s">
        <v>1405</v>
      </c>
      <c r="B287" s="6">
        <v>1801001</v>
      </c>
      <c r="C287" s="7" t="s">
        <v>1412</v>
      </c>
      <c r="D287" s="6" t="s">
        <v>231</v>
      </c>
      <c r="E287" s="7" t="s">
        <v>1413</v>
      </c>
    </row>
    <row r="288" spans="1:5" s="8" customFormat="1" ht="28.5" customHeight="1" x14ac:dyDescent="0.15">
      <c r="A288" s="6" t="s">
        <v>1405</v>
      </c>
      <c r="B288" s="6">
        <v>1801084</v>
      </c>
      <c r="C288" s="7" t="s">
        <v>1414</v>
      </c>
      <c r="D288" s="6" t="s">
        <v>229</v>
      </c>
      <c r="E288" s="7" t="s">
        <v>1415</v>
      </c>
    </row>
    <row r="289" spans="1:5" s="8" customFormat="1" ht="28.5" customHeight="1" x14ac:dyDescent="0.15">
      <c r="A289" s="6" t="s">
        <v>1405</v>
      </c>
      <c r="B289" s="6">
        <v>1801126</v>
      </c>
      <c r="C289" s="7" t="s">
        <v>1416</v>
      </c>
      <c r="D289" s="6" t="s">
        <v>228</v>
      </c>
      <c r="E289" s="7" t="s">
        <v>1417</v>
      </c>
    </row>
    <row r="290" spans="1:5" s="8" customFormat="1" ht="28.5" customHeight="1" x14ac:dyDescent="0.15">
      <c r="A290" s="6" t="s">
        <v>1405</v>
      </c>
      <c r="B290" s="6">
        <v>1801134</v>
      </c>
      <c r="C290" s="7" t="s">
        <v>232</v>
      </c>
      <c r="D290" s="6" t="s">
        <v>233</v>
      </c>
      <c r="E290" s="7" t="s">
        <v>1418</v>
      </c>
    </row>
    <row r="291" spans="1:5" s="8" customFormat="1" ht="28.5" customHeight="1" x14ac:dyDescent="0.15">
      <c r="A291" s="6" t="s">
        <v>1405</v>
      </c>
      <c r="B291" s="6">
        <v>1801175</v>
      </c>
      <c r="C291" s="7" t="s">
        <v>1419</v>
      </c>
      <c r="D291" s="6" t="s">
        <v>233</v>
      </c>
      <c r="E291" s="7" t="s">
        <v>1420</v>
      </c>
    </row>
    <row r="292" spans="1:5" s="8" customFormat="1" ht="28.5" customHeight="1" x14ac:dyDescent="0.15">
      <c r="A292" s="6" t="s">
        <v>1405</v>
      </c>
      <c r="B292" s="6">
        <v>1801233</v>
      </c>
      <c r="C292" s="7" t="s">
        <v>848</v>
      </c>
      <c r="D292" s="6" t="s">
        <v>234</v>
      </c>
      <c r="E292" s="7" t="s">
        <v>1421</v>
      </c>
    </row>
    <row r="293" spans="1:5" s="8" customFormat="1" ht="28.5" customHeight="1" x14ac:dyDescent="0.15">
      <c r="A293" s="6" t="s">
        <v>1405</v>
      </c>
      <c r="B293" s="6">
        <v>1801316</v>
      </c>
      <c r="C293" s="7" t="s">
        <v>930</v>
      </c>
      <c r="D293" s="6" t="s">
        <v>235</v>
      </c>
      <c r="E293" s="7" t="s">
        <v>1422</v>
      </c>
    </row>
    <row r="294" spans="1:5" s="8" customFormat="1" ht="28.5" customHeight="1" x14ac:dyDescent="0.15">
      <c r="A294" s="6" t="s">
        <v>1405</v>
      </c>
      <c r="B294" s="6">
        <v>1801373</v>
      </c>
      <c r="C294" s="7" t="s">
        <v>1423</v>
      </c>
      <c r="D294" s="6" t="s">
        <v>231</v>
      </c>
      <c r="E294" s="7" t="s">
        <v>1424</v>
      </c>
    </row>
    <row r="295" spans="1:5" s="8" customFormat="1" ht="28.5" customHeight="1" x14ac:dyDescent="0.15">
      <c r="A295" s="6" t="s">
        <v>1405</v>
      </c>
      <c r="B295" s="6">
        <v>1801407</v>
      </c>
      <c r="C295" s="7" t="s">
        <v>1425</v>
      </c>
      <c r="D295" s="6" t="s">
        <v>236</v>
      </c>
      <c r="E295" s="7" t="s">
        <v>1426</v>
      </c>
    </row>
    <row r="296" spans="1:5" s="8" customFormat="1" ht="28.5" customHeight="1" x14ac:dyDescent="0.15">
      <c r="A296" s="6" t="s">
        <v>1405</v>
      </c>
      <c r="B296" s="6">
        <v>1801415</v>
      </c>
      <c r="C296" s="7" t="s">
        <v>888</v>
      </c>
      <c r="D296" s="6" t="s">
        <v>228</v>
      </c>
      <c r="E296" s="7" t="s">
        <v>1427</v>
      </c>
    </row>
    <row r="297" spans="1:5" s="8" customFormat="1" ht="28.5" customHeight="1" x14ac:dyDescent="0.15">
      <c r="A297" s="6" t="s">
        <v>1405</v>
      </c>
      <c r="B297" s="6">
        <v>1801423</v>
      </c>
      <c r="C297" s="7" t="s">
        <v>1428</v>
      </c>
      <c r="D297" s="6" t="s">
        <v>237</v>
      </c>
      <c r="E297" s="7" t="s">
        <v>1429</v>
      </c>
    </row>
    <row r="298" spans="1:5" s="8" customFormat="1" ht="28.5" customHeight="1" x14ac:dyDescent="0.15">
      <c r="A298" s="6" t="s">
        <v>1405</v>
      </c>
      <c r="B298" s="6">
        <v>1801456</v>
      </c>
      <c r="C298" s="7" t="s">
        <v>1430</v>
      </c>
      <c r="D298" s="6" t="s">
        <v>228</v>
      </c>
      <c r="E298" s="7" t="s">
        <v>1431</v>
      </c>
    </row>
    <row r="299" spans="1:5" s="8" customFormat="1" ht="28.5" customHeight="1" x14ac:dyDescent="0.15">
      <c r="A299" s="6" t="s">
        <v>1405</v>
      </c>
      <c r="B299" s="6">
        <v>1801480</v>
      </c>
      <c r="C299" s="7" t="s">
        <v>1432</v>
      </c>
      <c r="D299" s="6" t="s">
        <v>228</v>
      </c>
      <c r="E299" s="7" t="s">
        <v>1433</v>
      </c>
    </row>
    <row r="300" spans="1:5" s="8" customFormat="1" ht="28.5" customHeight="1" x14ac:dyDescent="0.15">
      <c r="A300" s="6" t="s">
        <v>1405</v>
      </c>
      <c r="B300" s="6">
        <v>1801498</v>
      </c>
      <c r="C300" s="7" t="s">
        <v>1434</v>
      </c>
      <c r="D300" s="6" t="s">
        <v>236</v>
      </c>
      <c r="E300" s="7" t="s">
        <v>1435</v>
      </c>
    </row>
    <row r="301" spans="1:5" s="8" customFormat="1" ht="28.5" customHeight="1" x14ac:dyDescent="0.15">
      <c r="A301" s="6" t="s">
        <v>1405</v>
      </c>
      <c r="B301" s="6">
        <v>1801548</v>
      </c>
      <c r="C301" s="7" t="s">
        <v>238</v>
      </c>
      <c r="D301" s="6" t="s">
        <v>228</v>
      </c>
      <c r="E301" s="7" t="s">
        <v>1436</v>
      </c>
    </row>
    <row r="302" spans="1:5" s="8" customFormat="1" ht="28.5" customHeight="1" x14ac:dyDescent="0.15">
      <c r="A302" s="6" t="s">
        <v>1405</v>
      </c>
      <c r="B302" s="6" t="s">
        <v>239</v>
      </c>
      <c r="C302" s="7" t="s">
        <v>1437</v>
      </c>
      <c r="D302" s="6" t="s">
        <v>240</v>
      </c>
      <c r="E302" s="7" t="s">
        <v>1438</v>
      </c>
    </row>
    <row r="303" spans="1:5" s="8" customFormat="1" ht="28.5" customHeight="1" x14ac:dyDescent="0.15">
      <c r="A303" s="6" t="s">
        <v>1405</v>
      </c>
      <c r="B303" s="6">
        <v>1801605</v>
      </c>
      <c r="C303" s="7" t="s">
        <v>1439</v>
      </c>
      <c r="D303" s="6" t="s">
        <v>235</v>
      </c>
      <c r="E303" s="7" t="s">
        <v>1440</v>
      </c>
    </row>
    <row r="304" spans="1:5" s="8" customFormat="1" ht="28.5" customHeight="1" x14ac:dyDescent="0.15">
      <c r="A304" s="6" t="s">
        <v>1405</v>
      </c>
      <c r="B304" s="6">
        <v>1801613</v>
      </c>
      <c r="C304" s="7" t="s">
        <v>1441</v>
      </c>
      <c r="D304" s="6" t="s">
        <v>228</v>
      </c>
      <c r="E304" s="7" t="s">
        <v>1442</v>
      </c>
    </row>
    <row r="305" spans="1:5" s="8" customFormat="1" ht="28.5" customHeight="1" x14ac:dyDescent="0.15">
      <c r="A305" s="6" t="s">
        <v>1405</v>
      </c>
      <c r="B305" s="6">
        <v>1801621</v>
      </c>
      <c r="C305" s="7" t="s">
        <v>1443</v>
      </c>
      <c r="D305" s="6" t="s">
        <v>229</v>
      </c>
      <c r="E305" s="7" t="s">
        <v>1444</v>
      </c>
    </row>
    <row r="306" spans="1:5" s="8" customFormat="1" ht="28.5" customHeight="1" x14ac:dyDescent="0.15">
      <c r="A306" s="6" t="s">
        <v>1405</v>
      </c>
      <c r="B306" s="6">
        <v>1801670</v>
      </c>
      <c r="C306" s="7" t="s">
        <v>241</v>
      </c>
      <c r="D306" s="6" t="s">
        <v>235</v>
      </c>
      <c r="E306" s="7" t="s">
        <v>1445</v>
      </c>
    </row>
    <row r="307" spans="1:5" s="8" customFormat="1" ht="28.5" customHeight="1" x14ac:dyDescent="0.15">
      <c r="A307" s="6" t="s">
        <v>1405</v>
      </c>
      <c r="B307" s="6">
        <v>1801688</v>
      </c>
      <c r="C307" s="7" t="s">
        <v>1446</v>
      </c>
      <c r="D307" s="6" t="s">
        <v>234</v>
      </c>
      <c r="E307" s="7" t="s">
        <v>1447</v>
      </c>
    </row>
    <row r="308" spans="1:5" s="8" customFormat="1" ht="28.5" customHeight="1" x14ac:dyDescent="0.15">
      <c r="A308" s="6" t="s">
        <v>1405</v>
      </c>
      <c r="B308" s="6">
        <v>1801696</v>
      </c>
      <c r="C308" s="7" t="s">
        <v>1448</v>
      </c>
      <c r="D308" s="6" t="s">
        <v>240</v>
      </c>
      <c r="E308" s="7" t="s">
        <v>1449</v>
      </c>
    </row>
    <row r="309" spans="1:5" s="8" customFormat="1" ht="28.5" customHeight="1" x14ac:dyDescent="0.15">
      <c r="A309" s="6" t="s">
        <v>1405</v>
      </c>
      <c r="B309" s="6">
        <v>1801704</v>
      </c>
      <c r="C309" s="7" t="s">
        <v>1450</v>
      </c>
      <c r="D309" s="6" t="s">
        <v>234</v>
      </c>
      <c r="E309" s="7" t="s">
        <v>1451</v>
      </c>
    </row>
    <row r="310" spans="1:5" s="8" customFormat="1" ht="28.5" customHeight="1" x14ac:dyDescent="0.15">
      <c r="A310" s="6" t="s">
        <v>1405</v>
      </c>
      <c r="B310" s="6">
        <v>1801712</v>
      </c>
      <c r="C310" s="7" t="s">
        <v>1452</v>
      </c>
      <c r="D310" s="6" t="s">
        <v>233</v>
      </c>
      <c r="E310" s="7" t="s">
        <v>1453</v>
      </c>
    </row>
    <row r="311" spans="1:5" s="8" customFormat="1" ht="28.5" customHeight="1" x14ac:dyDescent="0.15">
      <c r="A311" s="6" t="s">
        <v>1405</v>
      </c>
      <c r="B311" s="6">
        <v>1801720</v>
      </c>
      <c r="C311" s="7" t="s">
        <v>1454</v>
      </c>
      <c r="D311" s="6" t="s">
        <v>242</v>
      </c>
      <c r="E311" s="7" t="s">
        <v>1455</v>
      </c>
    </row>
    <row r="312" spans="1:5" s="8" customFormat="1" ht="28.5" customHeight="1" x14ac:dyDescent="0.15">
      <c r="A312" s="6" t="s">
        <v>1405</v>
      </c>
      <c r="B312" s="6">
        <v>1801738</v>
      </c>
      <c r="C312" s="7" t="s">
        <v>1456</v>
      </c>
      <c r="D312" s="6" t="s">
        <v>237</v>
      </c>
      <c r="E312" s="7" t="s">
        <v>1457</v>
      </c>
    </row>
    <row r="313" spans="1:5" s="8" customFormat="1" ht="28.5" customHeight="1" x14ac:dyDescent="0.15">
      <c r="A313" s="6" t="s">
        <v>1405</v>
      </c>
      <c r="B313" s="6">
        <v>1801746</v>
      </c>
      <c r="C313" s="7" t="s">
        <v>1458</v>
      </c>
      <c r="D313" s="6" t="s">
        <v>233</v>
      </c>
      <c r="E313" s="7" t="s">
        <v>1459</v>
      </c>
    </row>
    <row r="314" spans="1:5" s="8" customFormat="1" ht="28.5" customHeight="1" x14ac:dyDescent="0.15">
      <c r="A314" s="6" t="s">
        <v>1405</v>
      </c>
      <c r="B314" s="6" t="s">
        <v>243</v>
      </c>
      <c r="C314" s="7" t="s">
        <v>1460</v>
      </c>
      <c r="D314" s="6" t="s">
        <v>228</v>
      </c>
      <c r="E314" s="7" t="s">
        <v>1461</v>
      </c>
    </row>
    <row r="315" spans="1:5" s="8" customFormat="1" ht="28.5" customHeight="1" x14ac:dyDescent="0.15">
      <c r="A315" s="6" t="s">
        <v>1405</v>
      </c>
      <c r="B315" s="6" t="s">
        <v>244</v>
      </c>
      <c r="C315" s="7" t="s">
        <v>1462</v>
      </c>
      <c r="D315" s="6" t="s">
        <v>245</v>
      </c>
      <c r="E315" s="7" t="s">
        <v>1463</v>
      </c>
    </row>
    <row r="316" spans="1:5" s="8" customFormat="1" ht="28.5" customHeight="1" x14ac:dyDescent="0.15">
      <c r="A316" s="6" t="s">
        <v>1405</v>
      </c>
      <c r="B316" s="6">
        <v>1801787</v>
      </c>
      <c r="C316" s="7" t="s">
        <v>1464</v>
      </c>
      <c r="D316" s="6" t="s">
        <v>231</v>
      </c>
      <c r="E316" s="7" t="s">
        <v>1465</v>
      </c>
    </row>
    <row r="317" spans="1:5" s="8" customFormat="1" ht="28.5" customHeight="1" x14ac:dyDescent="0.15">
      <c r="A317" s="6" t="s">
        <v>1405</v>
      </c>
      <c r="B317" s="6">
        <v>1801795</v>
      </c>
      <c r="C317" s="7" t="s">
        <v>1466</v>
      </c>
      <c r="D317" s="6" t="s">
        <v>231</v>
      </c>
      <c r="E317" s="7" t="s">
        <v>1467</v>
      </c>
    </row>
    <row r="318" spans="1:5" s="8" customFormat="1" ht="28.5" customHeight="1" x14ac:dyDescent="0.15">
      <c r="A318" s="6" t="s">
        <v>1405</v>
      </c>
      <c r="B318" s="6">
        <v>1801803</v>
      </c>
      <c r="C318" s="7" t="s">
        <v>1468</v>
      </c>
      <c r="D318" s="6" t="s">
        <v>228</v>
      </c>
      <c r="E318" s="7" t="s">
        <v>1469</v>
      </c>
    </row>
    <row r="319" spans="1:5" s="8" customFormat="1" ht="28.5" customHeight="1" x14ac:dyDescent="0.15">
      <c r="A319" s="6" t="s">
        <v>1405</v>
      </c>
      <c r="B319" s="6">
        <v>1801837</v>
      </c>
      <c r="C319" s="7" t="s">
        <v>1470</v>
      </c>
      <c r="D319" s="6" t="s">
        <v>240</v>
      </c>
      <c r="E319" s="7" t="s">
        <v>1471</v>
      </c>
    </row>
    <row r="320" spans="1:5" s="8" customFormat="1" ht="28.5" customHeight="1" x14ac:dyDescent="0.15">
      <c r="A320" s="6" t="s">
        <v>1405</v>
      </c>
      <c r="B320" s="6" t="s">
        <v>246</v>
      </c>
      <c r="C320" s="7" t="s">
        <v>1472</v>
      </c>
      <c r="D320" s="6" t="s">
        <v>234</v>
      </c>
      <c r="E320" s="7" t="s">
        <v>1473</v>
      </c>
    </row>
    <row r="321" spans="1:5" s="8" customFormat="1" ht="28.5" customHeight="1" x14ac:dyDescent="0.15">
      <c r="A321" s="6" t="s">
        <v>1405</v>
      </c>
      <c r="B321" s="6" t="s">
        <v>247</v>
      </c>
      <c r="C321" s="7" t="s">
        <v>1474</v>
      </c>
      <c r="D321" s="6" t="s">
        <v>231</v>
      </c>
      <c r="E321" s="7" t="s">
        <v>1475</v>
      </c>
    </row>
    <row r="322" spans="1:5" s="8" customFormat="1" ht="28.5" customHeight="1" x14ac:dyDescent="0.15">
      <c r="A322" s="6" t="s">
        <v>1405</v>
      </c>
      <c r="B322" s="6" t="s">
        <v>248</v>
      </c>
      <c r="C322" s="7" t="s">
        <v>1476</v>
      </c>
      <c r="D322" s="6" t="s">
        <v>234</v>
      </c>
      <c r="E322" s="7" t="s">
        <v>1477</v>
      </c>
    </row>
    <row r="323" spans="1:5" s="8" customFormat="1" ht="28.5" customHeight="1" x14ac:dyDescent="0.15">
      <c r="A323" s="6" t="s">
        <v>1405</v>
      </c>
      <c r="B323" s="6" t="s">
        <v>249</v>
      </c>
      <c r="C323" s="7" t="s">
        <v>1478</v>
      </c>
      <c r="D323" s="6" t="s">
        <v>237</v>
      </c>
      <c r="E323" s="7" t="s">
        <v>1479</v>
      </c>
    </row>
    <row r="324" spans="1:5" s="8" customFormat="1" ht="28.5" customHeight="1" x14ac:dyDescent="0.15">
      <c r="A324" s="6" t="s">
        <v>1405</v>
      </c>
      <c r="B324" s="6" t="s">
        <v>250</v>
      </c>
      <c r="C324" s="7" t="s">
        <v>1480</v>
      </c>
      <c r="D324" s="6" t="s">
        <v>234</v>
      </c>
      <c r="E324" s="7" t="s">
        <v>1481</v>
      </c>
    </row>
    <row r="325" spans="1:5" s="8" customFormat="1" ht="28.5" customHeight="1" x14ac:dyDescent="0.15">
      <c r="A325" s="6" t="s">
        <v>1405</v>
      </c>
      <c r="B325" s="6" t="s">
        <v>251</v>
      </c>
      <c r="C325" s="7" t="s">
        <v>1482</v>
      </c>
      <c r="D325" s="6" t="s">
        <v>240</v>
      </c>
      <c r="E325" s="7" t="s">
        <v>1483</v>
      </c>
    </row>
    <row r="326" spans="1:5" s="8" customFormat="1" ht="28.5" customHeight="1" x14ac:dyDescent="0.15">
      <c r="A326" s="6" t="s">
        <v>1405</v>
      </c>
      <c r="B326" s="6" t="s">
        <v>252</v>
      </c>
      <c r="C326" s="7" t="s">
        <v>1484</v>
      </c>
      <c r="D326" s="6" t="s">
        <v>229</v>
      </c>
      <c r="E326" s="7" t="s">
        <v>1485</v>
      </c>
    </row>
    <row r="327" spans="1:5" s="8" customFormat="1" ht="28.5" customHeight="1" x14ac:dyDescent="0.15">
      <c r="A327" s="6" t="s">
        <v>1405</v>
      </c>
      <c r="B327" s="6" t="s">
        <v>1486</v>
      </c>
      <c r="C327" s="7" t="s">
        <v>1487</v>
      </c>
      <c r="D327" s="6" t="s">
        <v>245</v>
      </c>
      <c r="E327" s="7" t="s">
        <v>1488</v>
      </c>
    </row>
    <row r="328" spans="1:5" s="8" customFormat="1" ht="28.5" customHeight="1" x14ac:dyDescent="0.15">
      <c r="A328" s="6" t="s">
        <v>1489</v>
      </c>
      <c r="B328" s="6" t="s">
        <v>1490</v>
      </c>
      <c r="C328" s="7" t="s">
        <v>1491</v>
      </c>
      <c r="D328" s="6" t="s">
        <v>229</v>
      </c>
      <c r="E328" s="7" t="s">
        <v>1492</v>
      </c>
    </row>
    <row r="329" spans="1:5" s="8" customFormat="1" ht="28.5" customHeight="1" x14ac:dyDescent="0.15">
      <c r="A329" s="6" t="s">
        <v>1405</v>
      </c>
      <c r="B329" s="6" t="s">
        <v>1493</v>
      </c>
      <c r="C329" s="7" t="s">
        <v>3409</v>
      </c>
      <c r="D329" s="6" t="s">
        <v>235</v>
      </c>
      <c r="E329" s="7" t="s">
        <v>1494</v>
      </c>
    </row>
    <row r="330" spans="1:5" s="8" customFormat="1" ht="28.5" customHeight="1" x14ac:dyDescent="0.15">
      <c r="A330" s="6" t="s">
        <v>1495</v>
      </c>
      <c r="B330" s="6" t="s">
        <v>1496</v>
      </c>
      <c r="C330" s="7" t="s">
        <v>1497</v>
      </c>
      <c r="D330" s="6" t="s">
        <v>240</v>
      </c>
      <c r="E330" s="7" t="s">
        <v>1498</v>
      </c>
    </row>
    <row r="331" spans="1:5" s="8" customFormat="1" ht="28.5" customHeight="1" x14ac:dyDescent="0.15">
      <c r="A331" s="6" t="s">
        <v>1405</v>
      </c>
      <c r="B331" s="6" t="s">
        <v>1499</v>
      </c>
      <c r="C331" s="7" t="s">
        <v>3425</v>
      </c>
      <c r="D331" s="6" t="s">
        <v>1500</v>
      </c>
      <c r="E331" s="7" t="s">
        <v>1501</v>
      </c>
    </row>
    <row r="332" spans="1:5" s="8" customFormat="1" ht="28.5" customHeight="1" x14ac:dyDescent="0.15">
      <c r="A332" s="6" t="s">
        <v>1405</v>
      </c>
      <c r="B332" s="6" t="s">
        <v>1502</v>
      </c>
      <c r="C332" s="7" t="s">
        <v>1503</v>
      </c>
      <c r="D332" s="6" t="s">
        <v>234</v>
      </c>
      <c r="E332" s="7" t="s">
        <v>1504</v>
      </c>
    </row>
    <row r="333" spans="1:5" s="8" customFormat="1" ht="28.5" customHeight="1" x14ac:dyDescent="0.15">
      <c r="A333" s="6" t="s">
        <v>1505</v>
      </c>
      <c r="B333" s="6" t="s">
        <v>253</v>
      </c>
      <c r="C333" s="7" t="s">
        <v>1506</v>
      </c>
      <c r="D333" s="6" t="s">
        <v>254</v>
      </c>
      <c r="E333" s="7" t="s">
        <v>1507</v>
      </c>
    </row>
    <row r="334" spans="1:5" s="8" customFormat="1" ht="28.5" customHeight="1" x14ac:dyDescent="0.15">
      <c r="A334" s="6" t="s">
        <v>1505</v>
      </c>
      <c r="B334" s="6" t="s">
        <v>255</v>
      </c>
      <c r="C334" s="7" t="s">
        <v>1508</v>
      </c>
      <c r="D334" s="6" t="s">
        <v>254</v>
      </c>
      <c r="E334" s="7" t="s">
        <v>1509</v>
      </c>
    </row>
    <row r="335" spans="1:5" s="8" customFormat="1" ht="28.5" customHeight="1" x14ac:dyDescent="0.15">
      <c r="A335" s="6" t="s">
        <v>1505</v>
      </c>
      <c r="B335" s="6" t="s">
        <v>256</v>
      </c>
      <c r="C335" s="7" t="s">
        <v>1510</v>
      </c>
      <c r="D335" s="6" t="s">
        <v>257</v>
      </c>
      <c r="E335" s="7" t="s">
        <v>1511</v>
      </c>
    </row>
    <row r="336" spans="1:5" s="8" customFormat="1" ht="28.5" customHeight="1" x14ac:dyDescent="0.15">
      <c r="A336" s="6" t="s">
        <v>1505</v>
      </c>
      <c r="B336" s="6" t="s">
        <v>258</v>
      </c>
      <c r="C336" s="7" t="s">
        <v>259</v>
      </c>
      <c r="D336" s="6" t="s">
        <v>260</v>
      </c>
      <c r="E336" s="7" t="s">
        <v>1512</v>
      </c>
    </row>
    <row r="337" spans="1:5" s="8" customFormat="1" ht="28.5" customHeight="1" x14ac:dyDescent="0.15">
      <c r="A337" s="6" t="s">
        <v>1505</v>
      </c>
      <c r="B337" s="6" t="s">
        <v>261</v>
      </c>
      <c r="C337" s="7" t="s">
        <v>1513</v>
      </c>
      <c r="D337" s="6" t="s">
        <v>262</v>
      </c>
      <c r="E337" s="7" t="s">
        <v>1514</v>
      </c>
    </row>
    <row r="338" spans="1:5" s="8" customFormat="1" ht="28.5" customHeight="1" x14ac:dyDescent="0.15">
      <c r="A338" s="6" t="s">
        <v>1505</v>
      </c>
      <c r="B338" s="6" t="s">
        <v>263</v>
      </c>
      <c r="C338" s="7" t="s">
        <v>1515</v>
      </c>
      <c r="D338" s="6" t="s">
        <v>264</v>
      </c>
      <c r="E338" s="7" t="s">
        <v>1516</v>
      </c>
    </row>
    <row r="339" spans="1:5" s="8" customFormat="1" ht="28.5" customHeight="1" x14ac:dyDescent="0.15">
      <c r="A339" s="6" t="s">
        <v>1505</v>
      </c>
      <c r="B339" s="6" t="s">
        <v>265</v>
      </c>
      <c r="C339" s="7" t="s">
        <v>1517</v>
      </c>
      <c r="D339" s="6" t="s">
        <v>266</v>
      </c>
      <c r="E339" s="7" t="s">
        <v>1518</v>
      </c>
    </row>
    <row r="340" spans="1:5" s="8" customFormat="1" ht="28.5" customHeight="1" x14ac:dyDescent="0.15">
      <c r="A340" s="6" t="s">
        <v>1505</v>
      </c>
      <c r="B340" s="6" t="s">
        <v>267</v>
      </c>
      <c r="C340" s="7" t="s">
        <v>1519</v>
      </c>
      <c r="D340" s="6" t="s">
        <v>266</v>
      </c>
      <c r="E340" s="7" t="s">
        <v>1520</v>
      </c>
    </row>
    <row r="341" spans="1:5" s="8" customFormat="1" ht="28.5" customHeight="1" x14ac:dyDescent="0.15">
      <c r="A341" s="6" t="s">
        <v>1505</v>
      </c>
      <c r="B341" s="6" t="s">
        <v>268</v>
      </c>
      <c r="C341" s="7" t="s">
        <v>1521</v>
      </c>
      <c r="D341" s="6" t="s">
        <v>269</v>
      </c>
      <c r="E341" s="7" t="s">
        <v>1522</v>
      </c>
    </row>
    <row r="342" spans="1:5" s="8" customFormat="1" ht="28.5" customHeight="1" x14ac:dyDescent="0.15">
      <c r="A342" s="6" t="s">
        <v>1505</v>
      </c>
      <c r="B342" s="6" t="s">
        <v>270</v>
      </c>
      <c r="C342" s="7" t="s">
        <v>1523</v>
      </c>
      <c r="D342" s="6" t="s">
        <v>269</v>
      </c>
      <c r="E342" s="7" t="s">
        <v>1524</v>
      </c>
    </row>
    <row r="343" spans="1:5" s="8" customFormat="1" ht="28.5" customHeight="1" x14ac:dyDescent="0.15">
      <c r="A343" s="6" t="s">
        <v>1505</v>
      </c>
      <c r="B343" s="6" t="s">
        <v>271</v>
      </c>
      <c r="C343" s="7" t="s">
        <v>1525</v>
      </c>
      <c r="D343" s="6" t="s">
        <v>260</v>
      </c>
      <c r="E343" s="7" t="s">
        <v>1526</v>
      </c>
    </row>
    <row r="344" spans="1:5" s="8" customFormat="1" ht="28.5" customHeight="1" x14ac:dyDescent="0.15">
      <c r="A344" s="6" t="s">
        <v>1505</v>
      </c>
      <c r="B344" s="6" t="s">
        <v>272</v>
      </c>
      <c r="C344" s="7" t="s">
        <v>1527</v>
      </c>
      <c r="D344" s="6" t="s">
        <v>269</v>
      </c>
      <c r="E344" s="7" t="s">
        <v>1528</v>
      </c>
    </row>
    <row r="345" spans="1:5" s="8" customFormat="1" ht="28.5" customHeight="1" x14ac:dyDescent="0.15">
      <c r="A345" s="6" t="s">
        <v>1505</v>
      </c>
      <c r="B345" s="6" t="s">
        <v>273</v>
      </c>
      <c r="C345" s="7" t="s">
        <v>1529</v>
      </c>
      <c r="D345" s="6" t="s">
        <v>257</v>
      </c>
      <c r="E345" s="7" t="s">
        <v>1530</v>
      </c>
    </row>
    <row r="346" spans="1:5" s="8" customFormat="1" ht="28.5" customHeight="1" x14ac:dyDescent="0.15">
      <c r="A346" s="6" t="s">
        <v>1505</v>
      </c>
      <c r="B346" s="6" t="s">
        <v>274</v>
      </c>
      <c r="C346" s="7" t="s">
        <v>1531</v>
      </c>
      <c r="D346" s="6" t="s">
        <v>266</v>
      </c>
      <c r="E346" s="7" t="s">
        <v>1532</v>
      </c>
    </row>
    <row r="347" spans="1:5" s="8" customFormat="1" ht="28.5" customHeight="1" x14ac:dyDescent="0.15">
      <c r="A347" s="6" t="s">
        <v>1505</v>
      </c>
      <c r="B347" s="6" t="s">
        <v>275</v>
      </c>
      <c r="C347" s="7" t="s">
        <v>1533</v>
      </c>
      <c r="D347" s="6" t="s">
        <v>257</v>
      </c>
      <c r="E347" s="7" t="s">
        <v>1534</v>
      </c>
    </row>
    <row r="348" spans="1:5" s="8" customFormat="1" ht="28.5" customHeight="1" x14ac:dyDescent="0.15">
      <c r="A348" s="6" t="s">
        <v>1505</v>
      </c>
      <c r="B348" s="6" t="s">
        <v>276</v>
      </c>
      <c r="C348" s="7" t="s">
        <v>1535</v>
      </c>
      <c r="D348" s="6" t="s">
        <v>254</v>
      </c>
      <c r="E348" s="7" t="s">
        <v>1536</v>
      </c>
    </row>
    <row r="349" spans="1:5" s="8" customFormat="1" ht="28.5" customHeight="1" x14ac:dyDescent="0.15">
      <c r="A349" s="6" t="s">
        <v>1505</v>
      </c>
      <c r="B349" s="6" t="s">
        <v>277</v>
      </c>
      <c r="C349" s="7" t="s">
        <v>1537</v>
      </c>
      <c r="D349" s="6" t="s">
        <v>278</v>
      </c>
      <c r="E349" s="7" t="s">
        <v>1538</v>
      </c>
    </row>
    <row r="350" spans="1:5" s="8" customFormat="1" ht="28.5" customHeight="1" x14ac:dyDescent="0.15">
      <c r="A350" s="6" t="s">
        <v>1505</v>
      </c>
      <c r="B350" s="6" t="s">
        <v>279</v>
      </c>
      <c r="C350" s="7" t="s">
        <v>1539</v>
      </c>
      <c r="D350" s="6" t="s">
        <v>257</v>
      </c>
      <c r="E350" s="7" t="s">
        <v>1540</v>
      </c>
    </row>
    <row r="351" spans="1:5" s="8" customFormat="1" ht="28.5" customHeight="1" x14ac:dyDescent="0.15">
      <c r="A351" s="6" t="s">
        <v>1505</v>
      </c>
      <c r="B351" s="6" t="s">
        <v>280</v>
      </c>
      <c r="C351" s="7" t="s">
        <v>1541</v>
      </c>
      <c r="D351" s="6" t="s">
        <v>281</v>
      </c>
      <c r="E351" s="7" t="s">
        <v>1542</v>
      </c>
    </row>
    <row r="352" spans="1:5" s="8" customFormat="1" ht="28.5" customHeight="1" x14ac:dyDescent="0.15">
      <c r="A352" s="6" t="s">
        <v>1505</v>
      </c>
      <c r="B352" s="6" t="s">
        <v>282</v>
      </c>
      <c r="C352" s="7" t="s">
        <v>1543</v>
      </c>
      <c r="D352" s="6" t="s">
        <v>262</v>
      </c>
      <c r="E352" s="7" t="s">
        <v>1544</v>
      </c>
    </row>
    <row r="353" spans="1:5" s="8" customFormat="1" ht="28.5" customHeight="1" x14ac:dyDescent="0.15">
      <c r="A353" s="6" t="s">
        <v>1505</v>
      </c>
      <c r="B353" s="6" t="s">
        <v>283</v>
      </c>
      <c r="C353" s="7" t="s">
        <v>1545</v>
      </c>
      <c r="D353" s="6" t="s">
        <v>257</v>
      </c>
      <c r="E353" s="7" t="s">
        <v>1546</v>
      </c>
    </row>
    <row r="354" spans="1:5" s="8" customFormat="1" ht="28.5" customHeight="1" x14ac:dyDescent="0.15">
      <c r="A354" s="6" t="s">
        <v>1505</v>
      </c>
      <c r="B354" s="6" t="s">
        <v>284</v>
      </c>
      <c r="C354" s="7" t="s">
        <v>1547</v>
      </c>
      <c r="D354" s="6" t="s">
        <v>264</v>
      </c>
      <c r="E354" s="7" t="s">
        <v>1548</v>
      </c>
    </row>
    <row r="355" spans="1:5" s="8" customFormat="1" ht="28.5" customHeight="1" x14ac:dyDescent="0.15">
      <c r="A355" s="6" t="s">
        <v>1505</v>
      </c>
      <c r="B355" s="6" t="s">
        <v>285</v>
      </c>
      <c r="C355" s="7" t="s">
        <v>1549</v>
      </c>
      <c r="D355" s="6" t="s">
        <v>257</v>
      </c>
      <c r="E355" s="7" t="s">
        <v>1550</v>
      </c>
    </row>
    <row r="356" spans="1:5" s="8" customFormat="1" ht="28.5" customHeight="1" x14ac:dyDescent="0.15">
      <c r="A356" s="6" t="s">
        <v>1505</v>
      </c>
      <c r="B356" s="6" t="s">
        <v>286</v>
      </c>
      <c r="C356" s="7" t="s">
        <v>1551</v>
      </c>
      <c r="D356" s="6" t="s">
        <v>281</v>
      </c>
      <c r="E356" s="7" t="s">
        <v>1552</v>
      </c>
    </row>
    <row r="357" spans="1:5" s="8" customFormat="1" ht="28.5" customHeight="1" x14ac:dyDescent="0.15">
      <c r="A357" s="6" t="s">
        <v>1505</v>
      </c>
      <c r="B357" s="6" t="s">
        <v>287</v>
      </c>
      <c r="C357" s="7" t="s">
        <v>1553</v>
      </c>
      <c r="D357" s="6" t="s">
        <v>254</v>
      </c>
      <c r="E357" s="7" t="s">
        <v>1554</v>
      </c>
    </row>
    <row r="358" spans="1:5" s="8" customFormat="1" ht="28.5" customHeight="1" x14ac:dyDescent="0.15">
      <c r="A358" s="6" t="s">
        <v>1505</v>
      </c>
      <c r="B358" s="6" t="s">
        <v>288</v>
      </c>
      <c r="C358" s="7" t="s">
        <v>1555</v>
      </c>
      <c r="D358" s="6" t="s">
        <v>254</v>
      </c>
      <c r="E358" s="7" t="s">
        <v>1556</v>
      </c>
    </row>
    <row r="359" spans="1:5" s="8" customFormat="1" ht="28.5" customHeight="1" x14ac:dyDescent="0.15">
      <c r="A359" s="6" t="s">
        <v>1505</v>
      </c>
      <c r="B359" s="6" t="s">
        <v>289</v>
      </c>
      <c r="C359" s="7" t="s">
        <v>1557</v>
      </c>
      <c r="D359" s="6" t="s">
        <v>290</v>
      </c>
      <c r="E359" s="7" t="s">
        <v>1558</v>
      </c>
    </row>
    <row r="360" spans="1:5" s="8" customFormat="1" ht="28.5" customHeight="1" x14ac:dyDescent="0.15">
      <c r="A360" s="6" t="s">
        <v>1505</v>
      </c>
      <c r="B360" s="6" t="s">
        <v>291</v>
      </c>
      <c r="C360" s="7" t="s">
        <v>1559</v>
      </c>
      <c r="D360" s="6" t="s">
        <v>264</v>
      </c>
      <c r="E360" s="7" t="s">
        <v>1560</v>
      </c>
    </row>
    <row r="361" spans="1:5" s="8" customFormat="1" ht="28.5" customHeight="1" x14ac:dyDescent="0.15">
      <c r="A361" s="6" t="s">
        <v>1505</v>
      </c>
      <c r="B361" s="6" t="s">
        <v>292</v>
      </c>
      <c r="C361" s="7" t="s">
        <v>1561</v>
      </c>
      <c r="D361" s="6" t="s">
        <v>262</v>
      </c>
      <c r="E361" s="7" t="s">
        <v>1562</v>
      </c>
    </row>
    <row r="362" spans="1:5" s="8" customFormat="1" ht="28.5" customHeight="1" x14ac:dyDescent="0.15">
      <c r="A362" s="6" t="s">
        <v>1505</v>
      </c>
      <c r="B362" s="6" t="s">
        <v>293</v>
      </c>
      <c r="C362" s="7" t="s">
        <v>1563</v>
      </c>
      <c r="D362" s="6" t="s">
        <v>254</v>
      </c>
      <c r="E362" s="7" t="s">
        <v>1564</v>
      </c>
    </row>
    <row r="363" spans="1:5" s="8" customFormat="1" ht="28.5" customHeight="1" x14ac:dyDescent="0.15">
      <c r="A363" s="6" t="s">
        <v>1505</v>
      </c>
      <c r="B363" s="6" t="s">
        <v>294</v>
      </c>
      <c r="C363" s="7" t="s">
        <v>1565</v>
      </c>
      <c r="D363" s="6" t="s">
        <v>290</v>
      </c>
      <c r="E363" s="7" t="s">
        <v>1566</v>
      </c>
    </row>
    <row r="364" spans="1:5" s="8" customFormat="1" ht="28.5" customHeight="1" x14ac:dyDescent="0.15">
      <c r="A364" s="6" t="s">
        <v>1567</v>
      </c>
      <c r="B364" s="6" t="s">
        <v>1568</v>
      </c>
      <c r="C364" s="7" t="s">
        <v>888</v>
      </c>
      <c r="D364" s="6" t="s">
        <v>254</v>
      </c>
      <c r="E364" s="7" t="s">
        <v>1569</v>
      </c>
    </row>
    <row r="365" spans="1:5" s="8" customFormat="1" ht="28.5" customHeight="1" x14ac:dyDescent="0.15">
      <c r="A365" s="6" t="s">
        <v>1505</v>
      </c>
      <c r="B365" s="6" t="s">
        <v>1570</v>
      </c>
      <c r="C365" s="7" t="s">
        <v>1571</v>
      </c>
      <c r="D365" s="6" t="s">
        <v>257</v>
      </c>
      <c r="E365" s="7" t="s">
        <v>1572</v>
      </c>
    </row>
    <row r="366" spans="1:5" s="8" customFormat="1" ht="28.5" customHeight="1" x14ac:dyDescent="0.15">
      <c r="A366" s="6" t="s">
        <v>1573</v>
      </c>
      <c r="B366" s="6">
        <v>2700616</v>
      </c>
      <c r="C366" s="7" t="s">
        <v>1574</v>
      </c>
      <c r="D366" s="6" t="s">
        <v>295</v>
      </c>
      <c r="E366" s="7" t="s">
        <v>1575</v>
      </c>
    </row>
    <row r="367" spans="1:5" s="8" customFormat="1" ht="28.5" customHeight="1" x14ac:dyDescent="0.15">
      <c r="A367" s="6" t="s">
        <v>1573</v>
      </c>
      <c r="B367" s="6">
        <v>2700657</v>
      </c>
      <c r="C367" s="7" t="s">
        <v>1576</v>
      </c>
      <c r="D367" s="6" t="s">
        <v>296</v>
      </c>
      <c r="E367" s="7" t="s">
        <v>1577</v>
      </c>
    </row>
    <row r="368" spans="1:5" s="8" customFormat="1" ht="28.5" customHeight="1" x14ac:dyDescent="0.15">
      <c r="A368" s="6" t="s">
        <v>1573</v>
      </c>
      <c r="B368" s="6">
        <v>2700780</v>
      </c>
      <c r="C368" s="7" t="s">
        <v>1578</v>
      </c>
      <c r="D368" s="6" t="s">
        <v>295</v>
      </c>
      <c r="E368" s="7" t="s">
        <v>1579</v>
      </c>
    </row>
    <row r="369" spans="1:5" s="8" customFormat="1" ht="28.5" customHeight="1" x14ac:dyDescent="0.15">
      <c r="A369" s="6" t="s">
        <v>1573</v>
      </c>
      <c r="B369" s="6">
        <v>2700806</v>
      </c>
      <c r="C369" s="7" t="s">
        <v>1580</v>
      </c>
      <c r="D369" s="6" t="s">
        <v>297</v>
      </c>
      <c r="E369" s="7" t="s">
        <v>1581</v>
      </c>
    </row>
    <row r="370" spans="1:5" s="8" customFormat="1" ht="28.5" customHeight="1" x14ac:dyDescent="0.15">
      <c r="A370" s="6" t="s">
        <v>1573</v>
      </c>
      <c r="B370" s="6">
        <v>2700822</v>
      </c>
      <c r="C370" s="7" t="s">
        <v>1582</v>
      </c>
      <c r="D370" s="6" t="s">
        <v>297</v>
      </c>
      <c r="E370" s="7" t="s">
        <v>1583</v>
      </c>
    </row>
    <row r="371" spans="1:5" s="8" customFormat="1" ht="28.5" customHeight="1" x14ac:dyDescent="0.15">
      <c r="A371" s="6" t="s">
        <v>1573</v>
      </c>
      <c r="B371" s="6">
        <v>2700855</v>
      </c>
      <c r="C371" s="7" t="s">
        <v>1487</v>
      </c>
      <c r="D371" s="6" t="s">
        <v>298</v>
      </c>
      <c r="E371" s="7" t="s">
        <v>1584</v>
      </c>
    </row>
    <row r="372" spans="1:5" s="8" customFormat="1" ht="28.5" customHeight="1" x14ac:dyDescent="0.15">
      <c r="A372" s="6" t="s">
        <v>1573</v>
      </c>
      <c r="B372" s="6">
        <v>2700863</v>
      </c>
      <c r="C372" s="7" t="s">
        <v>1585</v>
      </c>
      <c r="D372" s="6" t="s">
        <v>297</v>
      </c>
      <c r="E372" s="7" t="s">
        <v>1586</v>
      </c>
    </row>
    <row r="373" spans="1:5" s="8" customFormat="1" ht="28.5" customHeight="1" x14ac:dyDescent="0.15">
      <c r="A373" s="6" t="s">
        <v>1573</v>
      </c>
      <c r="B373" s="6">
        <v>2700871</v>
      </c>
      <c r="C373" s="7" t="s">
        <v>1416</v>
      </c>
      <c r="D373" s="6" t="s">
        <v>297</v>
      </c>
      <c r="E373" s="7" t="s">
        <v>1587</v>
      </c>
    </row>
    <row r="374" spans="1:5" s="8" customFormat="1" ht="28.5" customHeight="1" x14ac:dyDescent="0.15">
      <c r="A374" s="6" t="s">
        <v>1573</v>
      </c>
      <c r="B374" s="6">
        <v>2700913</v>
      </c>
      <c r="C374" s="7" t="s">
        <v>1588</v>
      </c>
      <c r="D374" s="6" t="s">
        <v>299</v>
      </c>
      <c r="E374" s="7" t="s">
        <v>1589</v>
      </c>
    </row>
    <row r="375" spans="1:5" s="8" customFormat="1" ht="28.5" customHeight="1" x14ac:dyDescent="0.15">
      <c r="A375" s="6" t="s">
        <v>1573</v>
      </c>
      <c r="B375" s="6">
        <v>2700921</v>
      </c>
      <c r="C375" s="7" t="s">
        <v>1590</v>
      </c>
      <c r="D375" s="6" t="s">
        <v>300</v>
      </c>
      <c r="E375" s="7" t="s">
        <v>1591</v>
      </c>
    </row>
    <row r="376" spans="1:5" s="8" customFormat="1" ht="28.5" customHeight="1" x14ac:dyDescent="0.15">
      <c r="A376" s="6" t="s">
        <v>1573</v>
      </c>
      <c r="B376" s="6">
        <v>2700954</v>
      </c>
      <c r="C376" s="7" t="s">
        <v>1592</v>
      </c>
      <c r="D376" s="6" t="s">
        <v>300</v>
      </c>
      <c r="E376" s="7" t="s">
        <v>1593</v>
      </c>
    </row>
    <row r="377" spans="1:5" s="8" customFormat="1" ht="28.5" customHeight="1" x14ac:dyDescent="0.15">
      <c r="A377" s="6" t="s">
        <v>1573</v>
      </c>
      <c r="B377" s="6">
        <v>2700988</v>
      </c>
      <c r="C377" s="7" t="s">
        <v>1594</v>
      </c>
      <c r="D377" s="6" t="s">
        <v>301</v>
      </c>
      <c r="E377" s="7" t="s">
        <v>1595</v>
      </c>
    </row>
    <row r="378" spans="1:5" s="8" customFormat="1" ht="28.5" customHeight="1" x14ac:dyDescent="0.15">
      <c r="A378" s="6" t="s">
        <v>1573</v>
      </c>
      <c r="B378" s="6">
        <v>2701028</v>
      </c>
      <c r="C378" s="7" t="s">
        <v>1596</v>
      </c>
      <c r="D378" s="6" t="s">
        <v>297</v>
      </c>
      <c r="E378" s="7" t="s">
        <v>1597</v>
      </c>
    </row>
    <row r="379" spans="1:5" s="8" customFormat="1" ht="28.5" customHeight="1" x14ac:dyDescent="0.15">
      <c r="A379" s="6" t="s">
        <v>1573</v>
      </c>
      <c r="B379" s="6">
        <v>2701036</v>
      </c>
      <c r="C379" s="7" t="s">
        <v>1259</v>
      </c>
      <c r="D379" s="6" t="s">
        <v>302</v>
      </c>
      <c r="E379" s="7" t="s">
        <v>1598</v>
      </c>
    </row>
    <row r="380" spans="1:5" s="8" customFormat="1" ht="28.5" customHeight="1" x14ac:dyDescent="0.15">
      <c r="A380" s="6" t="s">
        <v>1573</v>
      </c>
      <c r="B380" s="6">
        <v>2701077</v>
      </c>
      <c r="C380" s="7" t="s">
        <v>1599</v>
      </c>
      <c r="D380" s="6" t="s">
        <v>298</v>
      </c>
      <c r="E380" s="7" t="s">
        <v>1600</v>
      </c>
    </row>
    <row r="381" spans="1:5" s="8" customFormat="1" ht="28.5" customHeight="1" x14ac:dyDescent="0.15">
      <c r="A381" s="6" t="s">
        <v>1573</v>
      </c>
      <c r="B381" s="6">
        <v>2701093</v>
      </c>
      <c r="C381" s="7" t="s">
        <v>1601</v>
      </c>
      <c r="D381" s="6" t="s">
        <v>300</v>
      </c>
      <c r="E381" s="7" t="s">
        <v>1602</v>
      </c>
    </row>
    <row r="382" spans="1:5" s="8" customFormat="1" ht="28.5" customHeight="1" x14ac:dyDescent="0.15">
      <c r="A382" s="6" t="s">
        <v>1573</v>
      </c>
      <c r="B382" s="6">
        <v>2701101</v>
      </c>
      <c r="C382" s="7" t="s">
        <v>303</v>
      </c>
      <c r="D382" s="6" t="s">
        <v>301</v>
      </c>
      <c r="E382" s="7" t="s">
        <v>1603</v>
      </c>
    </row>
    <row r="383" spans="1:5" s="8" customFormat="1" ht="28.5" customHeight="1" x14ac:dyDescent="0.15">
      <c r="A383" s="6" t="s">
        <v>1573</v>
      </c>
      <c r="B383" s="6" t="s">
        <v>304</v>
      </c>
      <c r="C383" s="7" t="s">
        <v>1604</v>
      </c>
      <c r="D383" s="6" t="s">
        <v>295</v>
      </c>
      <c r="E383" s="7" t="s">
        <v>1605</v>
      </c>
    </row>
    <row r="384" spans="1:5" s="8" customFormat="1" ht="28.5" customHeight="1" x14ac:dyDescent="0.15">
      <c r="A384" s="6" t="s">
        <v>1573</v>
      </c>
      <c r="B384" s="6" t="s">
        <v>305</v>
      </c>
      <c r="C384" s="7" t="s">
        <v>1606</v>
      </c>
      <c r="D384" s="6" t="s">
        <v>300</v>
      </c>
      <c r="E384" s="7" t="s">
        <v>1607</v>
      </c>
    </row>
    <row r="385" spans="1:5" s="8" customFormat="1" ht="28.5" customHeight="1" x14ac:dyDescent="0.15">
      <c r="A385" s="6" t="s">
        <v>1573</v>
      </c>
      <c r="B385" s="6">
        <v>2701143</v>
      </c>
      <c r="C385" s="7" t="s">
        <v>1608</v>
      </c>
      <c r="D385" s="6" t="s">
        <v>295</v>
      </c>
      <c r="E385" s="7" t="s">
        <v>1609</v>
      </c>
    </row>
    <row r="386" spans="1:5" s="8" customFormat="1" ht="28.5" customHeight="1" x14ac:dyDescent="0.15">
      <c r="A386" s="6" t="s">
        <v>1573</v>
      </c>
      <c r="B386" s="6" t="s">
        <v>306</v>
      </c>
      <c r="C386" s="7" t="s">
        <v>1610</v>
      </c>
      <c r="D386" s="6" t="s">
        <v>300</v>
      </c>
      <c r="E386" s="7" t="s">
        <v>1611</v>
      </c>
    </row>
    <row r="387" spans="1:5" s="8" customFormat="1" ht="28.5" customHeight="1" x14ac:dyDescent="0.15">
      <c r="A387" s="6" t="s">
        <v>1573</v>
      </c>
      <c r="B387" s="6" t="s">
        <v>307</v>
      </c>
      <c r="C387" s="7" t="s">
        <v>1612</v>
      </c>
      <c r="D387" s="6" t="s">
        <v>301</v>
      </c>
      <c r="E387" s="7" t="s">
        <v>1613</v>
      </c>
    </row>
    <row r="388" spans="1:5" s="8" customFormat="1" ht="28.5" customHeight="1" x14ac:dyDescent="0.15">
      <c r="A388" s="6" t="s">
        <v>1573</v>
      </c>
      <c r="B388" s="6">
        <v>2701176</v>
      </c>
      <c r="C388" s="7" t="s">
        <v>1614</v>
      </c>
      <c r="D388" s="6" t="s">
        <v>308</v>
      </c>
      <c r="E388" s="7" t="s">
        <v>1615</v>
      </c>
    </row>
    <row r="389" spans="1:5" s="8" customFormat="1" ht="28.5" customHeight="1" x14ac:dyDescent="0.15">
      <c r="A389" s="6" t="s">
        <v>1573</v>
      </c>
      <c r="B389" s="6" t="s">
        <v>309</v>
      </c>
      <c r="C389" s="7" t="s">
        <v>1616</v>
      </c>
      <c r="D389" s="6" t="s">
        <v>297</v>
      </c>
      <c r="E389" s="7" t="s">
        <v>1617</v>
      </c>
    </row>
    <row r="390" spans="1:5" s="8" customFormat="1" ht="28.5" customHeight="1" x14ac:dyDescent="0.15">
      <c r="A390" s="6" t="s">
        <v>1573</v>
      </c>
      <c r="B390" s="6" t="s">
        <v>310</v>
      </c>
      <c r="C390" s="7" t="s">
        <v>1618</v>
      </c>
      <c r="D390" s="6" t="s">
        <v>297</v>
      </c>
      <c r="E390" s="7" t="s">
        <v>1619</v>
      </c>
    </row>
    <row r="391" spans="1:5" s="8" customFormat="1" ht="28.5" customHeight="1" x14ac:dyDescent="0.15">
      <c r="A391" s="6" t="s">
        <v>1573</v>
      </c>
      <c r="B391" s="6" t="s">
        <v>311</v>
      </c>
      <c r="C391" s="7" t="s">
        <v>1620</v>
      </c>
      <c r="D391" s="6" t="s">
        <v>297</v>
      </c>
      <c r="E391" s="7" t="s">
        <v>1621</v>
      </c>
    </row>
    <row r="392" spans="1:5" s="8" customFormat="1" ht="28.5" customHeight="1" x14ac:dyDescent="0.15">
      <c r="A392" s="6" t="s">
        <v>1573</v>
      </c>
      <c r="B392" s="6" t="s">
        <v>312</v>
      </c>
      <c r="C392" s="7" t="s">
        <v>1622</v>
      </c>
      <c r="D392" s="6" t="s">
        <v>295</v>
      </c>
      <c r="E392" s="7" t="s">
        <v>1623</v>
      </c>
    </row>
    <row r="393" spans="1:5" s="8" customFormat="1" ht="28.5" customHeight="1" x14ac:dyDescent="0.15">
      <c r="A393" s="6" t="s">
        <v>1573</v>
      </c>
      <c r="B393" s="6">
        <v>2701242</v>
      </c>
      <c r="C393" s="7" t="s">
        <v>932</v>
      </c>
      <c r="D393" s="6" t="s">
        <v>295</v>
      </c>
      <c r="E393" s="7" t="s">
        <v>1624</v>
      </c>
    </row>
    <row r="394" spans="1:5" s="8" customFormat="1" ht="28.5" customHeight="1" x14ac:dyDescent="0.15">
      <c r="A394" s="6" t="s">
        <v>1573</v>
      </c>
      <c r="B394" s="6" t="s">
        <v>1625</v>
      </c>
      <c r="C394" s="7" t="s">
        <v>3410</v>
      </c>
      <c r="D394" s="6" t="s">
        <v>295</v>
      </c>
      <c r="E394" s="7" t="s">
        <v>1626</v>
      </c>
    </row>
    <row r="395" spans="1:5" s="8" customFormat="1" ht="28.5" customHeight="1" x14ac:dyDescent="0.15">
      <c r="A395" s="6" t="s">
        <v>1573</v>
      </c>
      <c r="B395" s="6" t="s">
        <v>1627</v>
      </c>
      <c r="C395" s="7" t="s">
        <v>1628</v>
      </c>
      <c r="D395" s="6" t="s">
        <v>301</v>
      </c>
      <c r="E395" s="7" t="s">
        <v>1629</v>
      </c>
    </row>
    <row r="396" spans="1:5" s="8" customFormat="1" ht="28.5" customHeight="1" x14ac:dyDescent="0.15">
      <c r="A396" s="6" t="s">
        <v>1573</v>
      </c>
      <c r="B396" s="6" t="s">
        <v>1630</v>
      </c>
      <c r="C396" s="7" t="s">
        <v>1631</v>
      </c>
      <c r="D396" s="6" t="s">
        <v>301</v>
      </c>
      <c r="E396" s="7" t="s">
        <v>1632</v>
      </c>
    </row>
    <row r="397" spans="1:5" s="8" customFormat="1" ht="28.5" customHeight="1" x14ac:dyDescent="0.15">
      <c r="A397" s="6" t="s">
        <v>1573</v>
      </c>
      <c r="B397" s="6" t="s">
        <v>1633</v>
      </c>
      <c r="C397" s="7" t="s">
        <v>1634</v>
      </c>
      <c r="D397" s="6" t="s">
        <v>298</v>
      </c>
      <c r="E397" s="7" t="s">
        <v>1635</v>
      </c>
    </row>
    <row r="398" spans="1:5" s="8" customFormat="1" ht="28.5" customHeight="1" x14ac:dyDescent="0.15">
      <c r="A398" s="6" t="s">
        <v>1636</v>
      </c>
      <c r="B398" s="6">
        <v>1700609</v>
      </c>
      <c r="C398" s="7" t="s">
        <v>1637</v>
      </c>
      <c r="D398" s="6" t="s">
        <v>313</v>
      </c>
      <c r="E398" s="7" t="s">
        <v>1638</v>
      </c>
    </row>
    <row r="399" spans="1:5" s="8" customFormat="1" ht="28.5" customHeight="1" x14ac:dyDescent="0.15">
      <c r="A399" s="6" t="s">
        <v>1636</v>
      </c>
      <c r="B399" s="6">
        <v>1700666</v>
      </c>
      <c r="C399" s="7" t="s">
        <v>1639</v>
      </c>
      <c r="D399" s="6" t="s">
        <v>314</v>
      </c>
      <c r="E399" s="7" t="s">
        <v>1640</v>
      </c>
    </row>
    <row r="400" spans="1:5" s="8" customFormat="1" ht="28.5" customHeight="1" x14ac:dyDescent="0.15">
      <c r="A400" s="6" t="s">
        <v>1636</v>
      </c>
      <c r="B400" s="6">
        <v>1700856</v>
      </c>
      <c r="C400" s="7" t="s">
        <v>1641</v>
      </c>
      <c r="D400" s="6" t="s">
        <v>315</v>
      </c>
      <c r="E400" s="7" t="s">
        <v>1642</v>
      </c>
    </row>
    <row r="401" spans="1:5" s="8" customFormat="1" ht="28.5" customHeight="1" x14ac:dyDescent="0.15">
      <c r="A401" s="6" t="s">
        <v>1636</v>
      </c>
      <c r="B401" s="6">
        <v>1700914</v>
      </c>
      <c r="C401" s="7" t="s">
        <v>1643</v>
      </c>
      <c r="D401" s="6" t="s">
        <v>316</v>
      </c>
      <c r="E401" s="7" t="s">
        <v>1644</v>
      </c>
    </row>
    <row r="402" spans="1:5" s="8" customFormat="1" ht="28.5" customHeight="1" x14ac:dyDescent="0.15">
      <c r="A402" s="6" t="s">
        <v>1636</v>
      </c>
      <c r="B402" s="6">
        <v>1701078</v>
      </c>
      <c r="C402" s="7" t="s">
        <v>1645</v>
      </c>
      <c r="D402" s="6" t="s">
        <v>317</v>
      </c>
      <c r="E402" s="7" t="s">
        <v>1646</v>
      </c>
    </row>
    <row r="403" spans="1:5" s="8" customFormat="1" ht="28.5" customHeight="1" x14ac:dyDescent="0.15">
      <c r="A403" s="6" t="s">
        <v>1636</v>
      </c>
      <c r="B403" s="6">
        <v>1701086</v>
      </c>
      <c r="C403" s="7" t="s">
        <v>1647</v>
      </c>
      <c r="D403" s="6" t="s">
        <v>314</v>
      </c>
      <c r="E403" s="7" t="s">
        <v>1648</v>
      </c>
    </row>
    <row r="404" spans="1:5" s="8" customFormat="1" ht="28.5" customHeight="1" x14ac:dyDescent="0.15">
      <c r="A404" s="6" t="s">
        <v>1636</v>
      </c>
      <c r="B404" s="6">
        <v>1701094</v>
      </c>
      <c r="C404" s="7" t="s">
        <v>1649</v>
      </c>
      <c r="D404" s="6" t="s">
        <v>318</v>
      </c>
      <c r="E404" s="7" t="s">
        <v>1650</v>
      </c>
    </row>
    <row r="405" spans="1:5" s="8" customFormat="1" ht="28.5" customHeight="1" x14ac:dyDescent="0.15">
      <c r="A405" s="6" t="s">
        <v>1636</v>
      </c>
      <c r="B405" s="6">
        <v>1701128</v>
      </c>
      <c r="C405" s="7" t="s">
        <v>1651</v>
      </c>
      <c r="D405" s="6" t="s">
        <v>317</v>
      </c>
      <c r="E405" s="7" t="s">
        <v>1652</v>
      </c>
    </row>
    <row r="406" spans="1:5" s="8" customFormat="1" ht="28.5" customHeight="1" x14ac:dyDescent="0.15">
      <c r="A406" s="6" t="s">
        <v>1636</v>
      </c>
      <c r="B406" s="6">
        <v>1701169</v>
      </c>
      <c r="C406" s="7" t="s">
        <v>1653</v>
      </c>
      <c r="D406" s="6" t="s">
        <v>319</v>
      </c>
      <c r="E406" s="7" t="s">
        <v>1654</v>
      </c>
    </row>
    <row r="407" spans="1:5" s="8" customFormat="1" ht="28.5" customHeight="1" x14ac:dyDescent="0.15">
      <c r="A407" s="6" t="s">
        <v>1636</v>
      </c>
      <c r="B407" s="6">
        <v>1701177</v>
      </c>
      <c r="C407" s="7" t="s">
        <v>1655</v>
      </c>
      <c r="D407" s="6" t="s">
        <v>320</v>
      </c>
      <c r="E407" s="7" t="s">
        <v>1656</v>
      </c>
    </row>
    <row r="408" spans="1:5" s="8" customFormat="1" ht="28.5" customHeight="1" x14ac:dyDescent="0.15">
      <c r="A408" s="6" t="s">
        <v>1636</v>
      </c>
      <c r="B408" s="6">
        <v>1701227</v>
      </c>
      <c r="C408" s="7" t="s">
        <v>848</v>
      </c>
      <c r="D408" s="6" t="s">
        <v>319</v>
      </c>
      <c r="E408" s="7" t="s">
        <v>1657</v>
      </c>
    </row>
    <row r="409" spans="1:5" s="8" customFormat="1" ht="28.5" customHeight="1" x14ac:dyDescent="0.15">
      <c r="A409" s="6" t="s">
        <v>1636</v>
      </c>
      <c r="B409" s="6">
        <v>1701284</v>
      </c>
      <c r="C409" s="7" t="s">
        <v>1658</v>
      </c>
      <c r="D409" s="6" t="s">
        <v>321</v>
      </c>
      <c r="E409" s="7" t="s">
        <v>1659</v>
      </c>
    </row>
    <row r="410" spans="1:5" s="8" customFormat="1" ht="28.5" customHeight="1" x14ac:dyDescent="0.15">
      <c r="A410" s="6" t="s">
        <v>1636</v>
      </c>
      <c r="B410" s="6">
        <v>1701359</v>
      </c>
      <c r="C410" s="7" t="s">
        <v>1660</v>
      </c>
      <c r="D410" s="6" t="s">
        <v>322</v>
      </c>
      <c r="E410" s="7" t="s">
        <v>1661</v>
      </c>
    </row>
    <row r="411" spans="1:5" s="8" customFormat="1" ht="28.5" customHeight="1" x14ac:dyDescent="0.15">
      <c r="A411" s="6" t="s">
        <v>1636</v>
      </c>
      <c r="B411" s="6">
        <v>1701441</v>
      </c>
      <c r="C411" s="7" t="s">
        <v>1662</v>
      </c>
      <c r="D411" s="6" t="s">
        <v>319</v>
      </c>
      <c r="E411" s="7" t="s">
        <v>1663</v>
      </c>
    </row>
    <row r="412" spans="1:5" s="8" customFormat="1" ht="28.5" customHeight="1" x14ac:dyDescent="0.15">
      <c r="A412" s="6" t="s">
        <v>1636</v>
      </c>
      <c r="B412" s="6" t="s">
        <v>323</v>
      </c>
      <c r="C412" s="7" t="s">
        <v>1664</v>
      </c>
      <c r="D412" s="6" t="s">
        <v>324</v>
      </c>
      <c r="E412" s="7" t="s">
        <v>1665</v>
      </c>
    </row>
    <row r="413" spans="1:5" s="8" customFormat="1" ht="28.5" customHeight="1" x14ac:dyDescent="0.15">
      <c r="A413" s="6" t="s">
        <v>1636</v>
      </c>
      <c r="B413" s="6">
        <v>1701466</v>
      </c>
      <c r="C413" s="7" t="s">
        <v>1666</v>
      </c>
      <c r="D413" s="6" t="s">
        <v>319</v>
      </c>
      <c r="E413" s="7" t="s">
        <v>1667</v>
      </c>
    </row>
    <row r="414" spans="1:5" s="8" customFormat="1" ht="28.5" customHeight="1" x14ac:dyDescent="0.15">
      <c r="A414" s="6" t="s">
        <v>1636</v>
      </c>
      <c r="B414" s="6">
        <v>1701573</v>
      </c>
      <c r="C414" s="7" t="s">
        <v>1606</v>
      </c>
      <c r="D414" s="6" t="s">
        <v>324</v>
      </c>
      <c r="E414" s="7" t="s">
        <v>1668</v>
      </c>
    </row>
    <row r="415" spans="1:5" s="8" customFormat="1" ht="28.5" customHeight="1" x14ac:dyDescent="0.15">
      <c r="A415" s="6" t="s">
        <v>1636</v>
      </c>
      <c r="B415" s="6">
        <v>1701581</v>
      </c>
      <c r="C415" s="7" t="s">
        <v>1669</v>
      </c>
      <c r="D415" s="6" t="s">
        <v>325</v>
      </c>
      <c r="E415" s="7" t="s">
        <v>1670</v>
      </c>
    </row>
    <row r="416" spans="1:5" s="8" customFormat="1" ht="28.5" customHeight="1" x14ac:dyDescent="0.15">
      <c r="A416" s="6" t="s">
        <v>1636</v>
      </c>
      <c r="B416" s="6">
        <v>1701631</v>
      </c>
      <c r="C416" s="7" t="s">
        <v>1671</v>
      </c>
      <c r="D416" s="6" t="s">
        <v>326</v>
      </c>
      <c r="E416" s="7" t="s">
        <v>1672</v>
      </c>
    </row>
    <row r="417" spans="1:5" s="8" customFormat="1" ht="28.5" customHeight="1" x14ac:dyDescent="0.15">
      <c r="A417" s="6" t="s">
        <v>1636</v>
      </c>
      <c r="B417" s="6">
        <v>1701680</v>
      </c>
      <c r="C417" s="7" t="s">
        <v>1673</v>
      </c>
      <c r="D417" s="6" t="s">
        <v>327</v>
      </c>
      <c r="E417" s="7" t="s">
        <v>1674</v>
      </c>
    </row>
    <row r="418" spans="1:5" s="8" customFormat="1" ht="28.5" customHeight="1" x14ac:dyDescent="0.15">
      <c r="A418" s="6" t="s">
        <v>1636</v>
      </c>
      <c r="B418" s="6">
        <v>1701714</v>
      </c>
      <c r="C418" s="7" t="s">
        <v>1675</v>
      </c>
      <c r="D418" s="6" t="s">
        <v>328</v>
      </c>
      <c r="E418" s="7" t="s">
        <v>1676</v>
      </c>
    </row>
    <row r="419" spans="1:5" s="8" customFormat="1" ht="28.5" customHeight="1" x14ac:dyDescent="0.15">
      <c r="A419" s="6" t="s">
        <v>1636</v>
      </c>
      <c r="B419" s="6">
        <v>1701730</v>
      </c>
      <c r="C419" s="7" t="s">
        <v>1677</v>
      </c>
      <c r="D419" s="6" t="s">
        <v>328</v>
      </c>
      <c r="E419" s="7" t="s">
        <v>1678</v>
      </c>
    </row>
    <row r="420" spans="1:5" s="8" customFormat="1" ht="28.5" customHeight="1" x14ac:dyDescent="0.15">
      <c r="A420" s="6" t="s">
        <v>1636</v>
      </c>
      <c r="B420" s="6">
        <v>1701797</v>
      </c>
      <c r="C420" s="7" t="s">
        <v>1679</v>
      </c>
      <c r="D420" s="6" t="s">
        <v>324</v>
      </c>
      <c r="E420" s="7" t="s">
        <v>1680</v>
      </c>
    </row>
    <row r="421" spans="1:5" s="8" customFormat="1" ht="28.5" customHeight="1" x14ac:dyDescent="0.15">
      <c r="A421" s="6" t="s">
        <v>1636</v>
      </c>
      <c r="B421" s="6" t="s">
        <v>329</v>
      </c>
      <c r="C421" s="7" t="s">
        <v>932</v>
      </c>
      <c r="D421" s="6" t="s">
        <v>328</v>
      </c>
      <c r="E421" s="7" t="s">
        <v>1681</v>
      </c>
    </row>
    <row r="422" spans="1:5" s="8" customFormat="1" ht="28.5" customHeight="1" x14ac:dyDescent="0.15">
      <c r="A422" s="6" t="s">
        <v>1636</v>
      </c>
      <c r="B422" s="6" t="s">
        <v>330</v>
      </c>
      <c r="C422" s="7" t="s">
        <v>1682</v>
      </c>
      <c r="D422" s="6" t="s">
        <v>331</v>
      </c>
      <c r="E422" s="7" t="s">
        <v>1683</v>
      </c>
    </row>
    <row r="423" spans="1:5" s="8" customFormat="1" ht="28.5" customHeight="1" x14ac:dyDescent="0.15">
      <c r="A423" s="6" t="s">
        <v>1636</v>
      </c>
      <c r="B423" s="6">
        <v>1701847</v>
      </c>
      <c r="C423" s="7" t="s">
        <v>1684</v>
      </c>
      <c r="D423" s="6" t="s">
        <v>313</v>
      </c>
      <c r="E423" s="7" t="s">
        <v>1685</v>
      </c>
    </row>
    <row r="424" spans="1:5" s="8" customFormat="1" ht="28.5" customHeight="1" x14ac:dyDescent="0.15">
      <c r="A424" s="6" t="s">
        <v>1636</v>
      </c>
      <c r="B424" s="6">
        <v>1701854</v>
      </c>
      <c r="C424" s="7" t="s">
        <v>1686</v>
      </c>
      <c r="D424" s="6" t="s">
        <v>319</v>
      </c>
      <c r="E424" s="7" t="s">
        <v>1687</v>
      </c>
    </row>
    <row r="425" spans="1:5" s="8" customFormat="1" ht="28.5" customHeight="1" x14ac:dyDescent="0.15">
      <c r="A425" s="6" t="s">
        <v>1636</v>
      </c>
      <c r="B425" s="6">
        <v>1701888</v>
      </c>
      <c r="C425" s="7" t="s">
        <v>1688</v>
      </c>
      <c r="D425" s="6" t="s">
        <v>317</v>
      </c>
      <c r="E425" s="7" t="s">
        <v>1689</v>
      </c>
    </row>
    <row r="426" spans="1:5" s="8" customFormat="1" ht="28.5" customHeight="1" x14ac:dyDescent="0.15">
      <c r="A426" s="6" t="s">
        <v>1636</v>
      </c>
      <c r="B426" s="6">
        <v>1701896</v>
      </c>
      <c r="C426" s="7" t="s">
        <v>1690</v>
      </c>
      <c r="D426" s="6" t="s">
        <v>324</v>
      </c>
      <c r="E426" s="7" t="s">
        <v>1691</v>
      </c>
    </row>
    <row r="427" spans="1:5" s="8" customFormat="1" ht="28.5" customHeight="1" x14ac:dyDescent="0.15">
      <c r="A427" s="6" t="s">
        <v>1636</v>
      </c>
      <c r="B427" s="6">
        <v>1701912</v>
      </c>
      <c r="C427" s="7" t="s">
        <v>1692</v>
      </c>
      <c r="D427" s="6" t="s">
        <v>332</v>
      </c>
      <c r="E427" s="7" t="s">
        <v>1693</v>
      </c>
    </row>
    <row r="428" spans="1:5" s="8" customFormat="1" ht="28.5" customHeight="1" x14ac:dyDescent="0.15">
      <c r="A428" s="6" t="s">
        <v>1636</v>
      </c>
      <c r="B428" s="6">
        <v>1701920</v>
      </c>
      <c r="C428" s="7" t="s">
        <v>1694</v>
      </c>
      <c r="D428" s="6" t="s">
        <v>333</v>
      </c>
      <c r="E428" s="7" t="s">
        <v>1695</v>
      </c>
    </row>
    <row r="429" spans="1:5" s="8" customFormat="1" ht="28.5" customHeight="1" x14ac:dyDescent="0.15">
      <c r="A429" s="6" t="s">
        <v>1636</v>
      </c>
      <c r="B429" s="6" t="s">
        <v>334</v>
      </c>
      <c r="C429" s="7" t="s">
        <v>1696</v>
      </c>
      <c r="D429" s="6" t="s">
        <v>335</v>
      </c>
      <c r="E429" s="7" t="s">
        <v>1697</v>
      </c>
    </row>
    <row r="430" spans="1:5" s="8" customFormat="1" ht="28.5" customHeight="1" x14ac:dyDescent="0.15">
      <c r="A430" s="6" t="s">
        <v>1698</v>
      </c>
      <c r="B430" s="6" t="s">
        <v>1699</v>
      </c>
      <c r="C430" s="7" t="s">
        <v>1700</v>
      </c>
      <c r="D430" s="6" t="s">
        <v>1701</v>
      </c>
      <c r="E430" s="7" t="s">
        <v>1702</v>
      </c>
    </row>
    <row r="431" spans="1:5" s="8" customFormat="1" ht="28.5" customHeight="1" x14ac:dyDescent="0.15">
      <c r="A431" s="6" t="s">
        <v>1636</v>
      </c>
      <c r="B431" s="6" t="s">
        <v>336</v>
      </c>
      <c r="C431" s="7" t="s">
        <v>1703</v>
      </c>
      <c r="D431" s="6" t="s">
        <v>316</v>
      </c>
      <c r="E431" s="7" t="s">
        <v>1704</v>
      </c>
    </row>
    <row r="432" spans="1:5" s="8" customFormat="1" ht="28.5" customHeight="1" x14ac:dyDescent="0.15">
      <c r="A432" s="6" t="s">
        <v>1636</v>
      </c>
      <c r="B432" s="6">
        <v>1701987</v>
      </c>
      <c r="C432" s="7" t="s">
        <v>1705</v>
      </c>
      <c r="D432" s="6" t="s">
        <v>324</v>
      </c>
      <c r="E432" s="7" t="s">
        <v>1706</v>
      </c>
    </row>
    <row r="433" spans="1:5" s="8" customFormat="1" ht="28.5" customHeight="1" x14ac:dyDescent="0.15">
      <c r="A433" s="6" t="s">
        <v>1636</v>
      </c>
      <c r="B433" s="6">
        <v>1701995</v>
      </c>
      <c r="C433" s="7" t="s">
        <v>1707</v>
      </c>
      <c r="D433" s="6" t="s">
        <v>327</v>
      </c>
      <c r="E433" s="7" t="s">
        <v>1708</v>
      </c>
    </row>
    <row r="434" spans="1:5" s="8" customFormat="1" ht="28.5" customHeight="1" x14ac:dyDescent="0.15">
      <c r="A434" s="6" t="s">
        <v>1636</v>
      </c>
      <c r="B434" s="6">
        <v>1702001</v>
      </c>
      <c r="C434" s="7" t="s">
        <v>1709</v>
      </c>
      <c r="D434" s="6" t="s">
        <v>324</v>
      </c>
      <c r="E434" s="7" t="s">
        <v>1668</v>
      </c>
    </row>
    <row r="435" spans="1:5" s="8" customFormat="1" ht="28.5" customHeight="1" x14ac:dyDescent="0.15">
      <c r="A435" s="6" t="s">
        <v>1636</v>
      </c>
      <c r="B435" s="6" t="s">
        <v>337</v>
      </c>
      <c r="C435" s="7" t="s">
        <v>1710</v>
      </c>
      <c r="D435" s="6" t="s">
        <v>332</v>
      </c>
      <c r="E435" s="7" t="s">
        <v>1711</v>
      </c>
    </row>
    <row r="436" spans="1:5" s="8" customFormat="1" ht="28.5" customHeight="1" x14ac:dyDescent="0.15">
      <c r="A436" s="6" t="s">
        <v>1636</v>
      </c>
      <c r="B436" s="6">
        <v>1702050</v>
      </c>
      <c r="C436" s="7" t="s">
        <v>1712</v>
      </c>
      <c r="D436" s="6" t="s">
        <v>316</v>
      </c>
      <c r="E436" s="7" t="s">
        <v>1713</v>
      </c>
    </row>
    <row r="437" spans="1:5" s="8" customFormat="1" ht="28.5" customHeight="1" x14ac:dyDescent="0.15">
      <c r="A437" s="6" t="s">
        <v>1636</v>
      </c>
      <c r="B437" s="6" t="s">
        <v>338</v>
      </c>
      <c r="C437" s="7" t="s">
        <v>1714</v>
      </c>
      <c r="D437" s="6" t="s">
        <v>332</v>
      </c>
      <c r="E437" s="7" t="s">
        <v>1715</v>
      </c>
    </row>
    <row r="438" spans="1:5" s="8" customFormat="1" ht="28.5" customHeight="1" x14ac:dyDescent="0.15">
      <c r="A438" s="6" t="s">
        <v>1636</v>
      </c>
      <c r="B438" s="6">
        <v>1702084</v>
      </c>
      <c r="C438" s="7" t="s">
        <v>1716</v>
      </c>
      <c r="D438" s="6" t="s">
        <v>332</v>
      </c>
      <c r="E438" s="7" t="s">
        <v>1717</v>
      </c>
    </row>
    <row r="439" spans="1:5" s="8" customFormat="1" ht="28.5" customHeight="1" x14ac:dyDescent="0.15">
      <c r="A439" s="6" t="s">
        <v>1636</v>
      </c>
      <c r="B439" s="6">
        <v>1702159</v>
      </c>
      <c r="C439" s="7" t="s">
        <v>1718</v>
      </c>
      <c r="D439" s="6" t="s">
        <v>319</v>
      </c>
      <c r="E439" s="7" t="s">
        <v>1719</v>
      </c>
    </row>
    <row r="440" spans="1:5" s="8" customFormat="1" ht="28.5" customHeight="1" x14ac:dyDescent="0.15">
      <c r="A440" s="6" t="s">
        <v>1636</v>
      </c>
      <c r="B440" s="6">
        <v>1702175</v>
      </c>
      <c r="C440" s="7" t="s">
        <v>1720</v>
      </c>
      <c r="D440" s="6" t="s">
        <v>320</v>
      </c>
      <c r="E440" s="7" t="s">
        <v>1721</v>
      </c>
    </row>
    <row r="441" spans="1:5" s="8" customFormat="1" ht="28.5" customHeight="1" x14ac:dyDescent="0.15">
      <c r="A441" s="6" t="s">
        <v>1636</v>
      </c>
      <c r="B441" s="6" t="s">
        <v>339</v>
      </c>
      <c r="C441" s="7" t="s">
        <v>1722</v>
      </c>
      <c r="D441" s="6" t="s">
        <v>340</v>
      </c>
      <c r="E441" s="7" t="s">
        <v>1723</v>
      </c>
    </row>
    <row r="442" spans="1:5" s="8" customFormat="1" ht="28.5" customHeight="1" x14ac:dyDescent="0.15">
      <c r="A442" s="6" t="s">
        <v>1636</v>
      </c>
      <c r="B442" s="6" t="s">
        <v>341</v>
      </c>
      <c r="C442" s="7" t="s">
        <v>1487</v>
      </c>
      <c r="D442" s="6" t="s">
        <v>314</v>
      </c>
      <c r="E442" s="7" t="s">
        <v>1724</v>
      </c>
    </row>
    <row r="443" spans="1:5" s="8" customFormat="1" ht="28.5" customHeight="1" x14ac:dyDescent="0.15">
      <c r="A443" s="6" t="s">
        <v>1636</v>
      </c>
      <c r="B443" s="6" t="s">
        <v>342</v>
      </c>
      <c r="C443" s="7" t="s">
        <v>1725</v>
      </c>
      <c r="D443" s="6" t="s">
        <v>321</v>
      </c>
      <c r="E443" s="7" t="s">
        <v>1726</v>
      </c>
    </row>
    <row r="444" spans="1:5" s="8" customFormat="1" ht="28.5" customHeight="1" x14ac:dyDescent="0.15">
      <c r="A444" s="6" t="s">
        <v>1636</v>
      </c>
      <c r="B444" s="6" t="s">
        <v>1727</v>
      </c>
      <c r="C444" s="7" t="s">
        <v>1728</v>
      </c>
      <c r="D444" s="6" t="s">
        <v>335</v>
      </c>
      <c r="E444" s="7" t="s">
        <v>1729</v>
      </c>
    </row>
    <row r="445" spans="1:5" s="8" customFormat="1" ht="28.5" customHeight="1" x14ac:dyDescent="0.15">
      <c r="A445" s="6" t="s">
        <v>1636</v>
      </c>
      <c r="B445" s="6" t="s">
        <v>1730</v>
      </c>
      <c r="C445" s="7" t="s">
        <v>1731</v>
      </c>
      <c r="D445" s="6" t="s">
        <v>335</v>
      </c>
      <c r="E445" s="7" t="s">
        <v>1732</v>
      </c>
    </row>
    <row r="446" spans="1:5" s="8" customFormat="1" ht="28.5" customHeight="1" x14ac:dyDescent="0.15">
      <c r="A446" s="6" t="s">
        <v>1636</v>
      </c>
      <c r="B446" s="6" t="s">
        <v>1733</v>
      </c>
      <c r="C446" s="7" t="s">
        <v>1734</v>
      </c>
      <c r="D446" s="6" t="s">
        <v>317</v>
      </c>
      <c r="E446" s="7" t="s">
        <v>1735</v>
      </c>
    </row>
    <row r="447" spans="1:5" s="8" customFormat="1" ht="28.5" customHeight="1" x14ac:dyDescent="0.15">
      <c r="A447" s="6" t="s">
        <v>1636</v>
      </c>
      <c r="B447" s="6" t="s">
        <v>1736</v>
      </c>
      <c r="C447" s="7" t="s">
        <v>1487</v>
      </c>
      <c r="D447" s="6" t="s">
        <v>335</v>
      </c>
      <c r="E447" s="7" t="s">
        <v>1737</v>
      </c>
    </row>
    <row r="448" spans="1:5" s="8" customFormat="1" ht="28.5" customHeight="1" x14ac:dyDescent="0.15">
      <c r="A448" s="6" t="s">
        <v>1738</v>
      </c>
      <c r="B448" s="6">
        <v>4300381</v>
      </c>
      <c r="C448" s="7" t="s">
        <v>1739</v>
      </c>
      <c r="D448" s="6" t="s">
        <v>343</v>
      </c>
      <c r="E448" s="7" t="s">
        <v>1740</v>
      </c>
    </row>
    <row r="449" spans="1:5" s="8" customFormat="1" ht="28.5" customHeight="1" x14ac:dyDescent="0.15">
      <c r="A449" s="6" t="s">
        <v>1738</v>
      </c>
      <c r="B449" s="6">
        <v>4300506</v>
      </c>
      <c r="C449" s="7" t="s">
        <v>1741</v>
      </c>
      <c r="D449" s="6" t="s">
        <v>344</v>
      </c>
      <c r="E449" s="7" t="s">
        <v>1742</v>
      </c>
    </row>
    <row r="450" spans="1:5" s="8" customFormat="1" ht="28.5" customHeight="1" x14ac:dyDescent="0.15">
      <c r="A450" s="6" t="s">
        <v>1738</v>
      </c>
      <c r="B450" s="6">
        <v>4300555</v>
      </c>
      <c r="C450" s="7" t="s">
        <v>1743</v>
      </c>
      <c r="D450" s="6" t="s">
        <v>345</v>
      </c>
      <c r="E450" s="7" t="s">
        <v>1744</v>
      </c>
    </row>
    <row r="451" spans="1:5" s="8" customFormat="1" ht="28.5" customHeight="1" x14ac:dyDescent="0.15">
      <c r="A451" s="6" t="s">
        <v>1738</v>
      </c>
      <c r="B451" s="6" t="s">
        <v>346</v>
      </c>
      <c r="C451" s="7" t="s">
        <v>1745</v>
      </c>
      <c r="D451" s="6" t="s">
        <v>347</v>
      </c>
      <c r="E451" s="7" t="s">
        <v>1746</v>
      </c>
    </row>
    <row r="452" spans="1:5" s="8" customFormat="1" ht="28.5" customHeight="1" x14ac:dyDescent="0.15">
      <c r="A452" s="6" t="s">
        <v>1738</v>
      </c>
      <c r="B452" s="6">
        <v>4300589</v>
      </c>
      <c r="C452" s="7" t="s">
        <v>1747</v>
      </c>
      <c r="D452" s="6" t="s">
        <v>347</v>
      </c>
      <c r="E452" s="7" t="s">
        <v>1748</v>
      </c>
    </row>
    <row r="453" spans="1:5" s="8" customFormat="1" ht="28.5" customHeight="1" x14ac:dyDescent="0.15">
      <c r="A453" s="6" t="s">
        <v>1738</v>
      </c>
      <c r="B453" s="6">
        <v>4300605</v>
      </c>
      <c r="C453" s="7" t="s">
        <v>1749</v>
      </c>
      <c r="D453" s="6" t="s">
        <v>348</v>
      </c>
      <c r="E453" s="7" t="s">
        <v>1750</v>
      </c>
    </row>
    <row r="454" spans="1:5" s="8" customFormat="1" ht="28.5" customHeight="1" x14ac:dyDescent="0.15">
      <c r="A454" s="6" t="s">
        <v>1738</v>
      </c>
      <c r="B454" s="6">
        <v>4300787</v>
      </c>
      <c r="C454" s="7" t="s">
        <v>1751</v>
      </c>
      <c r="D454" s="6" t="s">
        <v>345</v>
      </c>
      <c r="E454" s="7" t="s">
        <v>1752</v>
      </c>
    </row>
    <row r="455" spans="1:5" s="8" customFormat="1" ht="28.5" customHeight="1" x14ac:dyDescent="0.15">
      <c r="A455" s="6" t="s">
        <v>1738</v>
      </c>
      <c r="B455" s="6">
        <v>4300829</v>
      </c>
      <c r="C455" s="7" t="s">
        <v>1753</v>
      </c>
      <c r="D455" s="6" t="s">
        <v>350</v>
      </c>
      <c r="E455" s="7" t="s">
        <v>1754</v>
      </c>
    </row>
    <row r="456" spans="1:5" s="8" customFormat="1" ht="28.5" customHeight="1" x14ac:dyDescent="0.15">
      <c r="A456" s="6" t="s">
        <v>1738</v>
      </c>
      <c r="B456" s="6">
        <v>4300860</v>
      </c>
      <c r="C456" s="7" t="s">
        <v>1755</v>
      </c>
      <c r="D456" s="6" t="s">
        <v>343</v>
      </c>
      <c r="E456" s="7" t="s">
        <v>1756</v>
      </c>
    </row>
    <row r="457" spans="1:5" s="8" customFormat="1" ht="28.5" customHeight="1" x14ac:dyDescent="0.15">
      <c r="A457" s="6" t="s">
        <v>1738</v>
      </c>
      <c r="B457" s="6">
        <v>4300936</v>
      </c>
      <c r="C457" s="7" t="s">
        <v>1757</v>
      </c>
      <c r="D457" s="6" t="s">
        <v>344</v>
      </c>
      <c r="E457" s="7" t="s">
        <v>1758</v>
      </c>
    </row>
    <row r="458" spans="1:5" s="8" customFormat="1" ht="28.5" customHeight="1" x14ac:dyDescent="0.15">
      <c r="A458" s="6" t="s">
        <v>1738</v>
      </c>
      <c r="B458" s="6">
        <v>4300944</v>
      </c>
      <c r="C458" s="7" t="s">
        <v>1759</v>
      </c>
      <c r="D458" s="6" t="s">
        <v>351</v>
      </c>
      <c r="E458" s="7" t="s">
        <v>1760</v>
      </c>
    </row>
    <row r="459" spans="1:5" s="8" customFormat="1" ht="28.5" customHeight="1" x14ac:dyDescent="0.15">
      <c r="A459" s="6" t="s">
        <v>1738</v>
      </c>
      <c r="B459" s="6" t="s">
        <v>352</v>
      </c>
      <c r="C459" s="7" t="s">
        <v>1761</v>
      </c>
      <c r="D459" s="6" t="s">
        <v>347</v>
      </c>
      <c r="E459" s="7" t="s">
        <v>1762</v>
      </c>
    </row>
    <row r="460" spans="1:5" s="8" customFormat="1" ht="28.5" customHeight="1" x14ac:dyDescent="0.15">
      <c r="A460" s="6" t="s">
        <v>1738</v>
      </c>
      <c r="B460" s="6" t="s">
        <v>353</v>
      </c>
      <c r="C460" s="7" t="s">
        <v>1763</v>
      </c>
      <c r="D460" s="6" t="s">
        <v>6</v>
      </c>
      <c r="E460" s="7" t="s">
        <v>1764</v>
      </c>
    </row>
    <row r="461" spans="1:5" s="8" customFormat="1" ht="28.5" customHeight="1" x14ac:dyDescent="0.15">
      <c r="A461" s="6" t="s">
        <v>1738</v>
      </c>
      <c r="B461" s="6">
        <v>4301009</v>
      </c>
      <c r="C461" s="7" t="s">
        <v>1419</v>
      </c>
      <c r="D461" s="6" t="s">
        <v>6</v>
      </c>
      <c r="E461" s="7" t="s">
        <v>1765</v>
      </c>
    </row>
    <row r="462" spans="1:5" s="8" customFormat="1" ht="28.5" customHeight="1" x14ac:dyDescent="0.15">
      <c r="A462" s="6" t="s">
        <v>1738</v>
      </c>
      <c r="B462" s="6">
        <v>4301017</v>
      </c>
      <c r="C462" s="7" t="s">
        <v>1766</v>
      </c>
      <c r="D462" s="6" t="s">
        <v>6</v>
      </c>
      <c r="E462" s="7" t="s">
        <v>1767</v>
      </c>
    </row>
    <row r="463" spans="1:5" s="8" customFormat="1" ht="28.5" customHeight="1" x14ac:dyDescent="0.15">
      <c r="A463" s="6" t="s">
        <v>1738</v>
      </c>
      <c r="B463" s="6">
        <v>4301041</v>
      </c>
      <c r="C463" s="7" t="s">
        <v>1768</v>
      </c>
      <c r="D463" s="6" t="s">
        <v>354</v>
      </c>
      <c r="E463" s="7" t="s">
        <v>1769</v>
      </c>
    </row>
    <row r="464" spans="1:5" s="8" customFormat="1" ht="28.5" customHeight="1" x14ac:dyDescent="0.15">
      <c r="A464" s="6" t="s">
        <v>1738</v>
      </c>
      <c r="B464" s="6">
        <v>4301058</v>
      </c>
      <c r="C464" s="7" t="s">
        <v>1770</v>
      </c>
      <c r="D464" s="6" t="s">
        <v>6</v>
      </c>
      <c r="E464" s="7" t="s">
        <v>1771</v>
      </c>
    </row>
    <row r="465" spans="1:5" s="8" customFormat="1" ht="28.5" customHeight="1" x14ac:dyDescent="0.15">
      <c r="A465" s="6" t="s">
        <v>1738</v>
      </c>
      <c r="B465" s="6">
        <v>4301066</v>
      </c>
      <c r="C465" s="7" t="s">
        <v>1772</v>
      </c>
      <c r="D465" s="6" t="s">
        <v>345</v>
      </c>
      <c r="E465" s="7" t="s">
        <v>1773</v>
      </c>
    </row>
    <row r="466" spans="1:5" s="8" customFormat="1" ht="28.5" customHeight="1" x14ac:dyDescent="0.15">
      <c r="A466" s="6" t="s">
        <v>1738</v>
      </c>
      <c r="B466" s="6">
        <v>4301074</v>
      </c>
      <c r="C466" s="7" t="s">
        <v>1774</v>
      </c>
      <c r="D466" s="6" t="s">
        <v>355</v>
      </c>
      <c r="E466" s="7" t="s">
        <v>1775</v>
      </c>
    </row>
    <row r="467" spans="1:5" s="8" customFormat="1" ht="28.5" customHeight="1" x14ac:dyDescent="0.15">
      <c r="A467" s="6" t="s">
        <v>1738</v>
      </c>
      <c r="B467" s="6">
        <v>4301090</v>
      </c>
      <c r="C467" s="7" t="s">
        <v>1776</v>
      </c>
      <c r="D467" s="6" t="s">
        <v>356</v>
      </c>
      <c r="E467" s="7" t="s">
        <v>1777</v>
      </c>
    </row>
    <row r="468" spans="1:5" s="8" customFormat="1" ht="28.5" customHeight="1" x14ac:dyDescent="0.15">
      <c r="A468" s="6" t="s">
        <v>1738</v>
      </c>
      <c r="B468" s="6" t="s">
        <v>357</v>
      </c>
      <c r="C468" s="7" t="s">
        <v>1778</v>
      </c>
      <c r="D468" s="6" t="s">
        <v>344</v>
      </c>
      <c r="E468" s="7" t="s">
        <v>1779</v>
      </c>
    </row>
    <row r="469" spans="1:5" s="8" customFormat="1" ht="28.5" customHeight="1" x14ac:dyDescent="0.15">
      <c r="A469" s="6" t="s">
        <v>1738</v>
      </c>
      <c r="B469" s="6">
        <v>4301173</v>
      </c>
      <c r="C469" s="7" t="s">
        <v>1780</v>
      </c>
      <c r="D469" s="6" t="s">
        <v>354</v>
      </c>
      <c r="E469" s="7" t="s">
        <v>1781</v>
      </c>
    </row>
    <row r="470" spans="1:5" s="8" customFormat="1" ht="28.5" customHeight="1" x14ac:dyDescent="0.15">
      <c r="A470" s="6" t="s">
        <v>1738</v>
      </c>
      <c r="B470" s="6">
        <v>4301199</v>
      </c>
      <c r="C470" s="7" t="s">
        <v>1782</v>
      </c>
      <c r="D470" s="6" t="s">
        <v>358</v>
      </c>
      <c r="E470" s="7" t="s">
        <v>1783</v>
      </c>
    </row>
    <row r="471" spans="1:5" s="8" customFormat="1" ht="28.5" customHeight="1" x14ac:dyDescent="0.15">
      <c r="A471" s="6" t="s">
        <v>1738</v>
      </c>
      <c r="B471" s="6">
        <v>4301207</v>
      </c>
      <c r="C471" s="7" t="s">
        <v>1466</v>
      </c>
      <c r="D471" s="6" t="s">
        <v>359</v>
      </c>
      <c r="E471" s="7" t="s">
        <v>1784</v>
      </c>
    </row>
    <row r="472" spans="1:5" s="8" customFormat="1" ht="28.5" customHeight="1" x14ac:dyDescent="0.15">
      <c r="A472" s="6" t="s">
        <v>1738</v>
      </c>
      <c r="B472" s="6" t="s">
        <v>1785</v>
      </c>
      <c r="C472" s="7" t="s">
        <v>1786</v>
      </c>
      <c r="D472" s="6" t="s">
        <v>343</v>
      </c>
      <c r="E472" s="7" t="s">
        <v>1787</v>
      </c>
    </row>
    <row r="473" spans="1:5" s="8" customFormat="1" ht="28.5" customHeight="1" x14ac:dyDescent="0.15">
      <c r="A473" s="6" t="s">
        <v>1738</v>
      </c>
      <c r="B473" s="6" t="s">
        <v>360</v>
      </c>
      <c r="C473" s="7" t="s">
        <v>1788</v>
      </c>
      <c r="D473" s="6" t="s">
        <v>361</v>
      </c>
      <c r="E473" s="7" t="s">
        <v>1789</v>
      </c>
    </row>
    <row r="474" spans="1:5" s="8" customFormat="1" ht="28.5" customHeight="1" x14ac:dyDescent="0.15">
      <c r="A474" s="6" t="s">
        <v>1738</v>
      </c>
      <c r="B474" s="6">
        <v>4301264</v>
      </c>
      <c r="C474" s="7" t="s">
        <v>1790</v>
      </c>
      <c r="D474" s="6" t="s">
        <v>359</v>
      </c>
      <c r="E474" s="7" t="s">
        <v>1791</v>
      </c>
    </row>
    <row r="475" spans="1:5" s="8" customFormat="1" ht="28.5" customHeight="1" x14ac:dyDescent="0.15">
      <c r="A475" s="6" t="s">
        <v>1738</v>
      </c>
      <c r="B475" s="6" t="s">
        <v>362</v>
      </c>
      <c r="C475" s="7" t="s">
        <v>1792</v>
      </c>
      <c r="D475" s="6" t="s">
        <v>6</v>
      </c>
      <c r="E475" s="7" t="s">
        <v>1793</v>
      </c>
    </row>
    <row r="476" spans="1:5" s="8" customFormat="1" ht="28.5" customHeight="1" x14ac:dyDescent="0.15">
      <c r="A476" s="6" t="s">
        <v>1738</v>
      </c>
      <c r="B476" s="6">
        <v>4301348</v>
      </c>
      <c r="C476" s="7" t="s">
        <v>1794</v>
      </c>
      <c r="D476" s="6" t="s">
        <v>349</v>
      </c>
      <c r="E476" s="7" t="s">
        <v>1795</v>
      </c>
    </row>
    <row r="477" spans="1:5" s="8" customFormat="1" ht="28.5" customHeight="1" x14ac:dyDescent="0.15">
      <c r="A477" s="6" t="s">
        <v>1738</v>
      </c>
      <c r="B477" s="6">
        <v>4301355</v>
      </c>
      <c r="C477" s="7" t="s">
        <v>1796</v>
      </c>
      <c r="D477" s="6" t="s">
        <v>349</v>
      </c>
      <c r="E477" s="7" t="s">
        <v>1797</v>
      </c>
    </row>
    <row r="478" spans="1:5" s="8" customFormat="1" ht="28.5" customHeight="1" x14ac:dyDescent="0.15">
      <c r="A478" s="6" t="s">
        <v>1738</v>
      </c>
      <c r="B478" s="6" t="s">
        <v>1798</v>
      </c>
      <c r="C478" s="7" t="s">
        <v>1799</v>
      </c>
      <c r="D478" s="6" t="s">
        <v>349</v>
      </c>
      <c r="E478" s="7" t="s">
        <v>1800</v>
      </c>
    </row>
    <row r="479" spans="1:5" s="8" customFormat="1" ht="28.5" customHeight="1" x14ac:dyDescent="0.15">
      <c r="A479" s="6" t="s">
        <v>1738</v>
      </c>
      <c r="B479" s="6" t="s">
        <v>363</v>
      </c>
      <c r="C479" s="7" t="s">
        <v>1801</v>
      </c>
      <c r="D479" s="6" t="s">
        <v>349</v>
      </c>
      <c r="E479" s="7" t="s">
        <v>1802</v>
      </c>
    </row>
    <row r="480" spans="1:5" s="8" customFormat="1" ht="28.5" customHeight="1" x14ac:dyDescent="0.15">
      <c r="A480" s="6" t="s">
        <v>1738</v>
      </c>
      <c r="B480" s="6" t="s">
        <v>364</v>
      </c>
      <c r="C480" s="7" t="s">
        <v>1803</v>
      </c>
      <c r="D480" s="6" t="s">
        <v>344</v>
      </c>
      <c r="E480" s="7" t="s">
        <v>1804</v>
      </c>
    </row>
    <row r="481" spans="1:5" s="8" customFormat="1" ht="28.5" customHeight="1" x14ac:dyDescent="0.15">
      <c r="A481" s="6" t="s">
        <v>1738</v>
      </c>
      <c r="B481" s="6" t="s">
        <v>365</v>
      </c>
      <c r="C481" s="7" t="s">
        <v>1696</v>
      </c>
      <c r="D481" s="6" t="s">
        <v>358</v>
      </c>
      <c r="E481" s="7" t="s">
        <v>1805</v>
      </c>
    </row>
    <row r="482" spans="1:5" s="8" customFormat="1" ht="28.5" customHeight="1" x14ac:dyDescent="0.15">
      <c r="A482" s="6" t="s">
        <v>1738</v>
      </c>
      <c r="B482" s="6" t="s">
        <v>366</v>
      </c>
      <c r="C482" s="7" t="s">
        <v>1696</v>
      </c>
      <c r="D482" s="6" t="s">
        <v>367</v>
      </c>
      <c r="E482" s="7" t="s">
        <v>1806</v>
      </c>
    </row>
    <row r="483" spans="1:5" s="8" customFormat="1" ht="28.5" customHeight="1" x14ac:dyDescent="0.15">
      <c r="A483" s="6" t="s">
        <v>1807</v>
      </c>
      <c r="B483" s="6" t="s">
        <v>1808</v>
      </c>
      <c r="C483" s="7" t="s">
        <v>1809</v>
      </c>
      <c r="D483" s="6" t="s">
        <v>358</v>
      </c>
      <c r="E483" s="7" t="s">
        <v>1810</v>
      </c>
    </row>
    <row r="484" spans="1:5" s="8" customFormat="1" ht="28.5" customHeight="1" x14ac:dyDescent="0.15">
      <c r="A484" s="6" t="s">
        <v>1738</v>
      </c>
      <c r="B484" s="6" t="s">
        <v>1811</v>
      </c>
      <c r="C484" s="7" t="s">
        <v>1812</v>
      </c>
      <c r="D484" s="6" t="s">
        <v>347</v>
      </c>
      <c r="E484" s="7" t="s">
        <v>1813</v>
      </c>
    </row>
    <row r="485" spans="1:5" s="8" customFormat="1" ht="28.5" customHeight="1" x14ac:dyDescent="0.15">
      <c r="A485" s="6" t="s">
        <v>1738</v>
      </c>
      <c r="B485" s="6" t="s">
        <v>1814</v>
      </c>
      <c r="C485" s="7" t="s">
        <v>1815</v>
      </c>
      <c r="D485" s="6" t="s">
        <v>359</v>
      </c>
      <c r="E485" s="7" t="s">
        <v>1816</v>
      </c>
    </row>
    <row r="486" spans="1:5" s="8" customFormat="1" ht="28.5" customHeight="1" x14ac:dyDescent="0.15">
      <c r="A486" s="6" t="s">
        <v>1738</v>
      </c>
      <c r="B486" s="6" t="s">
        <v>1817</v>
      </c>
      <c r="C486" s="7" t="s">
        <v>1818</v>
      </c>
      <c r="D486" s="6" t="s">
        <v>344</v>
      </c>
      <c r="E486" s="7" t="s">
        <v>1819</v>
      </c>
    </row>
    <row r="487" spans="1:5" s="8" customFormat="1" ht="28.5" customHeight="1" x14ac:dyDescent="0.15">
      <c r="A487" s="6" t="s">
        <v>1738</v>
      </c>
      <c r="B487" s="6" t="s">
        <v>1820</v>
      </c>
      <c r="C487" s="7" t="s">
        <v>1821</v>
      </c>
      <c r="D487" s="6" t="s">
        <v>355</v>
      </c>
      <c r="E487" s="7" t="s">
        <v>1822</v>
      </c>
    </row>
    <row r="488" spans="1:5" s="8" customFormat="1" ht="28.5" customHeight="1" x14ac:dyDescent="0.15">
      <c r="A488" s="6" t="s">
        <v>1823</v>
      </c>
      <c r="B488" s="6">
        <v>1000703</v>
      </c>
      <c r="C488" s="7" t="s">
        <v>1770</v>
      </c>
      <c r="D488" s="6" t="s">
        <v>368</v>
      </c>
      <c r="E488" s="7" t="s">
        <v>1824</v>
      </c>
    </row>
    <row r="489" spans="1:5" s="8" customFormat="1" ht="28.5" customHeight="1" x14ac:dyDescent="0.15">
      <c r="A489" s="6" t="s">
        <v>1823</v>
      </c>
      <c r="B489" s="6">
        <v>1000786</v>
      </c>
      <c r="C489" s="7" t="s">
        <v>1770</v>
      </c>
      <c r="D489" s="6" t="s">
        <v>369</v>
      </c>
      <c r="E489" s="7" t="s">
        <v>1825</v>
      </c>
    </row>
    <row r="490" spans="1:5" s="8" customFormat="1" ht="28.5" customHeight="1" x14ac:dyDescent="0.15">
      <c r="A490" s="6" t="s">
        <v>1823</v>
      </c>
      <c r="B490" s="6">
        <v>1000810</v>
      </c>
      <c r="C490" s="7" t="s">
        <v>1826</v>
      </c>
      <c r="D490" s="6" t="s">
        <v>370</v>
      </c>
      <c r="E490" s="7" t="s">
        <v>1827</v>
      </c>
    </row>
    <row r="491" spans="1:5" s="8" customFormat="1" ht="28.5" customHeight="1" x14ac:dyDescent="0.15">
      <c r="A491" s="6" t="s">
        <v>1823</v>
      </c>
      <c r="B491" s="6">
        <v>1000935</v>
      </c>
      <c r="C491" s="7" t="s">
        <v>1828</v>
      </c>
      <c r="D491" s="6" t="s">
        <v>371</v>
      </c>
      <c r="E491" s="7" t="s">
        <v>1829</v>
      </c>
    </row>
    <row r="492" spans="1:5" s="8" customFormat="1" ht="28.5" customHeight="1" x14ac:dyDescent="0.15">
      <c r="A492" s="6" t="s">
        <v>1823</v>
      </c>
      <c r="B492" s="6">
        <v>1000984</v>
      </c>
      <c r="C492" s="7" t="s">
        <v>1830</v>
      </c>
      <c r="D492" s="6" t="s">
        <v>368</v>
      </c>
      <c r="E492" s="7" t="s">
        <v>1831</v>
      </c>
    </row>
    <row r="493" spans="1:5" s="8" customFormat="1" ht="28.5" customHeight="1" x14ac:dyDescent="0.15">
      <c r="A493" s="6" t="s">
        <v>1823</v>
      </c>
      <c r="B493" s="6">
        <v>1000992</v>
      </c>
      <c r="C493" s="7" t="s">
        <v>1832</v>
      </c>
      <c r="D493" s="6" t="s">
        <v>10</v>
      </c>
      <c r="E493" s="7" t="s">
        <v>1833</v>
      </c>
    </row>
    <row r="494" spans="1:5" s="8" customFormat="1" ht="28.5" customHeight="1" x14ac:dyDescent="0.15">
      <c r="A494" s="6" t="s">
        <v>1823</v>
      </c>
      <c r="B494" s="6">
        <v>1001016</v>
      </c>
      <c r="C494" s="7" t="s">
        <v>1834</v>
      </c>
      <c r="D494" s="6" t="s">
        <v>368</v>
      </c>
      <c r="E494" s="7" t="s">
        <v>1835</v>
      </c>
    </row>
    <row r="495" spans="1:5" s="8" customFormat="1" ht="28.5" customHeight="1" x14ac:dyDescent="0.15">
      <c r="A495" s="6" t="s">
        <v>1823</v>
      </c>
      <c r="B495" s="6">
        <v>1001057</v>
      </c>
      <c r="C495" s="7" t="s">
        <v>1836</v>
      </c>
      <c r="D495" s="6" t="s">
        <v>368</v>
      </c>
      <c r="E495" s="7" t="s">
        <v>1837</v>
      </c>
    </row>
    <row r="496" spans="1:5" s="8" customFormat="1" ht="28.5" customHeight="1" x14ac:dyDescent="0.15">
      <c r="A496" s="6" t="s">
        <v>1823</v>
      </c>
      <c r="B496" s="6">
        <v>1001065</v>
      </c>
      <c r="C496" s="7" t="s">
        <v>1838</v>
      </c>
      <c r="D496" s="6" t="s">
        <v>368</v>
      </c>
      <c r="E496" s="7" t="s">
        <v>1839</v>
      </c>
    </row>
    <row r="497" spans="1:5" s="8" customFormat="1" ht="28.5" customHeight="1" x14ac:dyDescent="0.15">
      <c r="A497" s="6" t="s">
        <v>1823</v>
      </c>
      <c r="B497" s="6">
        <v>1001180</v>
      </c>
      <c r="C497" s="7" t="s">
        <v>1840</v>
      </c>
      <c r="D497" s="6" t="s">
        <v>9</v>
      </c>
      <c r="E497" s="7" t="s">
        <v>1841</v>
      </c>
    </row>
    <row r="498" spans="1:5" s="8" customFormat="1" ht="28.5" customHeight="1" x14ac:dyDescent="0.15">
      <c r="A498" s="6" t="s">
        <v>1823</v>
      </c>
      <c r="B498" s="6">
        <v>1001248</v>
      </c>
      <c r="C498" s="7" t="s">
        <v>1249</v>
      </c>
      <c r="D498" s="6" t="s">
        <v>368</v>
      </c>
      <c r="E498" s="7" t="s">
        <v>1842</v>
      </c>
    </row>
    <row r="499" spans="1:5" s="8" customFormat="1" ht="28.5" customHeight="1" x14ac:dyDescent="0.15">
      <c r="A499" s="6" t="s">
        <v>1823</v>
      </c>
      <c r="B499" s="6">
        <v>1001271</v>
      </c>
      <c r="C499" s="7" t="s">
        <v>1843</v>
      </c>
      <c r="D499" s="6" t="s">
        <v>371</v>
      </c>
      <c r="E499" s="7" t="s">
        <v>1844</v>
      </c>
    </row>
    <row r="500" spans="1:5" s="8" customFormat="1" ht="28.5" customHeight="1" x14ac:dyDescent="0.15">
      <c r="A500" s="6" t="s">
        <v>1823</v>
      </c>
      <c r="B500" s="6">
        <v>1001313</v>
      </c>
      <c r="C500" s="7" t="s">
        <v>1845</v>
      </c>
      <c r="D500" s="6" t="s">
        <v>372</v>
      </c>
      <c r="E500" s="7" t="s">
        <v>1846</v>
      </c>
    </row>
    <row r="501" spans="1:5" s="8" customFormat="1" ht="28.5" customHeight="1" x14ac:dyDescent="0.15">
      <c r="A501" s="6" t="s">
        <v>1823</v>
      </c>
      <c r="B501" s="6">
        <v>1001321</v>
      </c>
      <c r="C501" s="7" t="s">
        <v>1847</v>
      </c>
      <c r="D501" s="6" t="s">
        <v>373</v>
      </c>
      <c r="E501" s="7" t="s">
        <v>1848</v>
      </c>
    </row>
    <row r="502" spans="1:5" s="8" customFormat="1" ht="28.5" customHeight="1" x14ac:dyDescent="0.15">
      <c r="A502" s="6" t="s">
        <v>1823</v>
      </c>
      <c r="B502" s="6">
        <v>1001347</v>
      </c>
      <c r="C502" s="7" t="s">
        <v>1849</v>
      </c>
      <c r="D502" s="6" t="s">
        <v>9</v>
      </c>
      <c r="E502" s="7" t="s">
        <v>1850</v>
      </c>
    </row>
    <row r="503" spans="1:5" s="8" customFormat="1" ht="28.5" customHeight="1" x14ac:dyDescent="0.15">
      <c r="A503" s="6" t="s">
        <v>1823</v>
      </c>
      <c r="B503" s="6">
        <v>1001354</v>
      </c>
      <c r="C503" s="7" t="s">
        <v>1851</v>
      </c>
      <c r="D503" s="6" t="s">
        <v>373</v>
      </c>
      <c r="E503" s="7" t="s">
        <v>1852</v>
      </c>
    </row>
    <row r="504" spans="1:5" s="8" customFormat="1" ht="28.5" customHeight="1" x14ac:dyDescent="0.15">
      <c r="A504" s="6" t="s">
        <v>1823</v>
      </c>
      <c r="B504" s="6">
        <v>1001362</v>
      </c>
      <c r="C504" s="7" t="s">
        <v>1853</v>
      </c>
      <c r="D504" s="6" t="s">
        <v>374</v>
      </c>
      <c r="E504" s="7" t="s">
        <v>1854</v>
      </c>
    </row>
    <row r="505" spans="1:5" s="8" customFormat="1" ht="28.5" customHeight="1" x14ac:dyDescent="0.15">
      <c r="A505" s="6" t="s">
        <v>1823</v>
      </c>
      <c r="B505" s="6" t="s">
        <v>375</v>
      </c>
      <c r="C505" s="7" t="s">
        <v>1855</v>
      </c>
      <c r="D505" s="6" t="s">
        <v>372</v>
      </c>
      <c r="E505" s="7" t="s">
        <v>1856</v>
      </c>
    </row>
    <row r="506" spans="1:5" s="8" customFormat="1" ht="28.5" customHeight="1" x14ac:dyDescent="0.15">
      <c r="A506" s="6" t="s">
        <v>1823</v>
      </c>
      <c r="B506" s="6">
        <v>1001446</v>
      </c>
      <c r="C506" s="7" t="s">
        <v>1857</v>
      </c>
      <c r="D506" s="6" t="s">
        <v>370</v>
      </c>
      <c r="E506" s="7" t="s">
        <v>1858</v>
      </c>
    </row>
    <row r="507" spans="1:5" s="8" customFormat="1" ht="28.5" customHeight="1" x14ac:dyDescent="0.15">
      <c r="A507" s="6" t="s">
        <v>1823</v>
      </c>
      <c r="B507" s="6">
        <v>1001479</v>
      </c>
      <c r="C507" s="7" t="s">
        <v>1859</v>
      </c>
      <c r="D507" s="6" t="s">
        <v>372</v>
      </c>
      <c r="E507" s="7" t="s">
        <v>1860</v>
      </c>
    </row>
    <row r="508" spans="1:5" s="8" customFormat="1" ht="28.5" customHeight="1" x14ac:dyDescent="0.15">
      <c r="A508" s="6" t="s">
        <v>1823</v>
      </c>
      <c r="B508" s="6" t="s">
        <v>376</v>
      </c>
      <c r="C508" s="7" t="s">
        <v>1861</v>
      </c>
      <c r="D508" s="6" t="s">
        <v>372</v>
      </c>
      <c r="E508" s="7" t="s">
        <v>1862</v>
      </c>
    </row>
    <row r="509" spans="1:5" s="8" customFormat="1" ht="28.5" customHeight="1" x14ac:dyDescent="0.15">
      <c r="A509" s="6" t="s">
        <v>1823</v>
      </c>
      <c r="B509" s="6">
        <v>1001529</v>
      </c>
      <c r="C509" s="7" t="s">
        <v>1863</v>
      </c>
      <c r="D509" s="6" t="s">
        <v>374</v>
      </c>
      <c r="E509" s="7" t="s">
        <v>1864</v>
      </c>
    </row>
    <row r="510" spans="1:5" s="8" customFormat="1" ht="28.5" customHeight="1" x14ac:dyDescent="0.15">
      <c r="A510" s="6" t="s">
        <v>1823</v>
      </c>
      <c r="B510" s="6">
        <v>1001552</v>
      </c>
      <c r="C510" s="7" t="s">
        <v>1192</v>
      </c>
      <c r="D510" s="6" t="s">
        <v>10</v>
      </c>
      <c r="E510" s="7" t="s">
        <v>1865</v>
      </c>
    </row>
    <row r="511" spans="1:5" s="8" customFormat="1" ht="28.5" customHeight="1" x14ac:dyDescent="0.15">
      <c r="A511" s="6" t="s">
        <v>1823</v>
      </c>
      <c r="B511" s="6">
        <v>1001560</v>
      </c>
      <c r="C511" s="7" t="s">
        <v>1866</v>
      </c>
      <c r="D511" s="6" t="s">
        <v>370</v>
      </c>
      <c r="E511" s="7" t="s">
        <v>1867</v>
      </c>
    </row>
    <row r="512" spans="1:5" s="8" customFormat="1" ht="28.5" customHeight="1" x14ac:dyDescent="0.15">
      <c r="A512" s="6" t="s">
        <v>1823</v>
      </c>
      <c r="B512" s="6">
        <v>1001578</v>
      </c>
      <c r="C512" s="7" t="s">
        <v>1868</v>
      </c>
      <c r="D512" s="6" t="s">
        <v>369</v>
      </c>
      <c r="E512" s="7" t="s">
        <v>1869</v>
      </c>
    </row>
    <row r="513" spans="1:5" s="8" customFormat="1" ht="28.5" customHeight="1" x14ac:dyDescent="0.15">
      <c r="A513" s="6" t="s">
        <v>1823</v>
      </c>
      <c r="B513" s="6">
        <v>1001586</v>
      </c>
      <c r="C513" s="7" t="s">
        <v>1870</v>
      </c>
      <c r="D513" s="6" t="s">
        <v>372</v>
      </c>
      <c r="E513" s="7" t="s">
        <v>1871</v>
      </c>
    </row>
    <row r="514" spans="1:5" s="8" customFormat="1" ht="28.5" customHeight="1" x14ac:dyDescent="0.15">
      <c r="A514" s="6" t="s">
        <v>1823</v>
      </c>
      <c r="B514" s="6" t="s">
        <v>1872</v>
      </c>
      <c r="C514" s="7" t="s">
        <v>1873</v>
      </c>
      <c r="D514" s="6" t="s">
        <v>369</v>
      </c>
      <c r="E514" s="7" t="s">
        <v>1874</v>
      </c>
    </row>
    <row r="515" spans="1:5" s="8" customFormat="1" ht="28.5" customHeight="1" x14ac:dyDescent="0.15">
      <c r="A515" s="6" t="s">
        <v>1823</v>
      </c>
      <c r="B515" s="6" t="s">
        <v>378</v>
      </c>
      <c r="C515" s="7" t="s">
        <v>1875</v>
      </c>
      <c r="D515" s="6" t="s">
        <v>377</v>
      </c>
      <c r="E515" s="7" t="s">
        <v>1876</v>
      </c>
    </row>
    <row r="516" spans="1:5" s="8" customFormat="1" ht="28.5" customHeight="1" x14ac:dyDescent="0.15">
      <c r="A516" s="6" t="s">
        <v>1823</v>
      </c>
      <c r="B516" s="6" t="s">
        <v>379</v>
      </c>
      <c r="C516" s="7" t="s">
        <v>1877</v>
      </c>
      <c r="D516" s="6" t="s">
        <v>377</v>
      </c>
      <c r="E516" s="7" t="s">
        <v>1878</v>
      </c>
    </row>
    <row r="517" spans="1:5" s="8" customFormat="1" ht="28.5" customHeight="1" x14ac:dyDescent="0.15">
      <c r="A517" s="6" t="s">
        <v>1823</v>
      </c>
      <c r="B517" s="6">
        <v>1001636</v>
      </c>
      <c r="C517" s="7" t="s">
        <v>380</v>
      </c>
      <c r="D517" s="6" t="s">
        <v>377</v>
      </c>
      <c r="E517" s="7" t="s">
        <v>1879</v>
      </c>
    </row>
    <row r="518" spans="1:5" s="8" customFormat="1" ht="28.5" customHeight="1" x14ac:dyDescent="0.15">
      <c r="A518" s="6" t="s">
        <v>1823</v>
      </c>
      <c r="B518" s="6" t="s">
        <v>381</v>
      </c>
      <c r="C518" s="7" t="s">
        <v>1880</v>
      </c>
      <c r="D518" s="6" t="s">
        <v>382</v>
      </c>
      <c r="E518" s="7" t="s">
        <v>1881</v>
      </c>
    </row>
    <row r="519" spans="1:5" s="8" customFormat="1" ht="28.5" customHeight="1" x14ac:dyDescent="0.15">
      <c r="A519" s="6" t="s">
        <v>1823</v>
      </c>
      <c r="B519" s="6" t="s">
        <v>1882</v>
      </c>
      <c r="C519" s="7" t="s">
        <v>1169</v>
      </c>
      <c r="D519" s="6" t="s">
        <v>368</v>
      </c>
      <c r="E519" s="7" t="s">
        <v>1883</v>
      </c>
    </row>
    <row r="520" spans="1:5" s="8" customFormat="1" ht="28.5" customHeight="1" x14ac:dyDescent="0.15">
      <c r="A520" s="6" t="s">
        <v>1884</v>
      </c>
      <c r="B520" s="6" t="s">
        <v>1885</v>
      </c>
      <c r="C520" s="7" t="s">
        <v>1886</v>
      </c>
      <c r="D520" s="6" t="s">
        <v>370</v>
      </c>
      <c r="E520" s="7" t="s">
        <v>1887</v>
      </c>
    </row>
    <row r="521" spans="1:5" s="8" customFormat="1" ht="28.5" customHeight="1" x14ac:dyDescent="0.15">
      <c r="A521" s="6" t="s">
        <v>1823</v>
      </c>
      <c r="B521" s="6" t="s">
        <v>1888</v>
      </c>
      <c r="C521" s="7" t="s">
        <v>1889</v>
      </c>
      <c r="D521" s="6" t="s">
        <v>377</v>
      </c>
      <c r="E521" s="7" t="s">
        <v>1890</v>
      </c>
    </row>
    <row r="522" spans="1:5" s="8" customFormat="1" ht="28.5" customHeight="1" x14ac:dyDescent="0.15">
      <c r="A522" s="6" t="s">
        <v>1823</v>
      </c>
      <c r="B522" s="6" t="s">
        <v>1891</v>
      </c>
      <c r="C522" s="7" t="s">
        <v>1892</v>
      </c>
      <c r="D522" s="6" t="s">
        <v>377</v>
      </c>
      <c r="E522" s="7" t="s">
        <v>1893</v>
      </c>
    </row>
    <row r="523" spans="1:5" s="8" customFormat="1" ht="28.5" customHeight="1" x14ac:dyDescent="0.15">
      <c r="A523" s="6" t="s">
        <v>1823</v>
      </c>
      <c r="B523" s="6" t="s">
        <v>1894</v>
      </c>
      <c r="C523" s="7" t="s">
        <v>1895</v>
      </c>
      <c r="D523" s="6" t="s">
        <v>377</v>
      </c>
      <c r="E523" s="7" t="s">
        <v>1896</v>
      </c>
    </row>
    <row r="524" spans="1:5" s="8" customFormat="1" ht="28.5" customHeight="1" x14ac:dyDescent="0.15">
      <c r="A524" s="6" t="s">
        <v>1897</v>
      </c>
      <c r="B524" s="6">
        <v>9100885</v>
      </c>
      <c r="C524" s="7" t="s">
        <v>1898</v>
      </c>
      <c r="D524" s="6" t="s">
        <v>383</v>
      </c>
      <c r="E524" s="7" t="s">
        <v>1899</v>
      </c>
    </row>
    <row r="525" spans="1:5" s="8" customFormat="1" ht="28.5" customHeight="1" x14ac:dyDescent="0.15">
      <c r="A525" s="6" t="s">
        <v>1897</v>
      </c>
      <c r="B525" s="6">
        <v>9101339</v>
      </c>
      <c r="C525" s="7" t="s">
        <v>1900</v>
      </c>
      <c r="D525" s="6" t="s">
        <v>384</v>
      </c>
      <c r="E525" s="7" t="s">
        <v>1901</v>
      </c>
    </row>
    <row r="526" spans="1:5" s="8" customFormat="1" ht="28.5" customHeight="1" x14ac:dyDescent="0.15">
      <c r="A526" s="6" t="s">
        <v>1897</v>
      </c>
      <c r="B526" s="6">
        <v>9101479</v>
      </c>
      <c r="C526" s="7" t="s">
        <v>1902</v>
      </c>
      <c r="D526" s="6" t="s">
        <v>385</v>
      </c>
      <c r="E526" s="7" t="s">
        <v>1903</v>
      </c>
    </row>
    <row r="527" spans="1:5" s="8" customFormat="1" ht="28.5" customHeight="1" x14ac:dyDescent="0.15">
      <c r="A527" s="6" t="s">
        <v>1897</v>
      </c>
      <c r="B527" s="6">
        <v>9101537</v>
      </c>
      <c r="C527" s="7" t="s">
        <v>1904</v>
      </c>
      <c r="D527" s="6" t="s">
        <v>386</v>
      </c>
      <c r="E527" s="7" t="s">
        <v>1905</v>
      </c>
    </row>
    <row r="528" spans="1:5" s="8" customFormat="1" ht="28.5" customHeight="1" x14ac:dyDescent="0.15">
      <c r="A528" s="6" t="s">
        <v>1897</v>
      </c>
      <c r="B528" s="6">
        <v>9101552</v>
      </c>
      <c r="C528" s="7" t="s">
        <v>1906</v>
      </c>
      <c r="D528" s="6" t="s">
        <v>387</v>
      </c>
      <c r="E528" s="7" t="s">
        <v>1907</v>
      </c>
    </row>
    <row r="529" spans="1:5" s="8" customFormat="1" ht="28.5" customHeight="1" x14ac:dyDescent="0.15">
      <c r="A529" s="6" t="s">
        <v>1897</v>
      </c>
      <c r="B529" s="6">
        <v>9101586</v>
      </c>
      <c r="C529" s="7" t="s">
        <v>1243</v>
      </c>
      <c r="D529" s="6" t="s">
        <v>388</v>
      </c>
      <c r="E529" s="7" t="s">
        <v>1908</v>
      </c>
    </row>
    <row r="530" spans="1:5" s="8" customFormat="1" ht="28.5" customHeight="1" x14ac:dyDescent="0.15">
      <c r="A530" s="6" t="s">
        <v>1897</v>
      </c>
      <c r="B530" s="6">
        <v>9101594</v>
      </c>
      <c r="C530" s="7" t="s">
        <v>1909</v>
      </c>
      <c r="D530" s="6" t="s">
        <v>384</v>
      </c>
      <c r="E530" s="7" t="s">
        <v>1910</v>
      </c>
    </row>
    <row r="531" spans="1:5" s="8" customFormat="1" ht="28.5" customHeight="1" x14ac:dyDescent="0.15">
      <c r="A531" s="6" t="s">
        <v>1897</v>
      </c>
      <c r="B531" s="6">
        <v>9101628</v>
      </c>
      <c r="C531" s="7" t="s">
        <v>1911</v>
      </c>
      <c r="D531" s="6" t="s">
        <v>389</v>
      </c>
      <c r="E531" s="7" t="s">
        <v>1912</v>
      </c>
    </row>
    <row r="532" spans="1:5" s="8" customFormat="1" ht="28.5" customHeight="1" x14ac:dyDescent="0.15">
      <c r="A532" s="6" t="s">
        <v>1897</v>
      </c>
      <c r="B532" s="6" t="s">
        <v>390</v>
      </c>
      <c r="C532" s="7" t="s">
        <v>922</v>
      </c>
      <c r="D532" s="6" t="s">
        <v>387</v>
      </c>
      <c r="E532" s="7" t="s">
        <v>1913</v>
      </c>
    </row>
    <row r="533" spans="1:5" s="8" customFormat="1" ht="28.5" customHeight="1" x14ac:dyDescent="0.15">
      <c r="A533" s="6" t="s">
        <v>1897</v>
      </c>
      <c r="B533" s="6">
        <v>9101792</v>
      </c>
      <c r="C533" s="7" t="s">
        <v>1914</v>
      </c>
      <c r="D533" s="6" t="s">
        <v>387</v>
      </c>
      <c r="E533" s="7" t="s">
        <v>1915</v>
      </c>
    </row>
    <row r="534" spans="1:5" s="8" customFormat="1" ht="28.5" customHeight="1" x14ac:dyDescent="0.15">
      <c r="A534" s="6" t="s">
        <v>1897</v>
      </c>
      <c r="B534" s="6">
        <v>9101867</v>
      </c>
      <c r="C534" s="7" t="s">
        <v>930</v>
      </c>
      <c r="D534" s="6" t="s">
        <v>391</v>
      </c>
      <c r="E534" s="7" t="s">
        <v>1916</v>
      </c>
    </row>
    <row r="535" spans="1:5" s="8" customFormat="1" ht="28.5" customHeight="1" x14ac:dyDescent="0.15">
      <c r="A535" s="6" t="s">
        <v>1897</v>
      </c>
      <c r="B535" s="6">
        <v>9101883</v>
      </c>
      <c r="C535" s="7" t="s">
        <v>1917</v>
      </c>
      <c r="D535" s="6" t="s">
        <v>385</v>
      </c>
      <c r="E535" s="7" t="s">
        <v>1918</v>
      </c>
    </row>
    <row r="536" spans="1:5" s="8" customFormat="1" ht="28.5" customHeight="1" x14ac:dyDescent="0.15">
      <c r="A536" s="6" t="s">
        <v>1897</v>
      </c>
      <c r="B536" s="6">
        <v>9101917</v>
      </c>
      <c r="C536" s="7" t="s">
        <v>101</v>
      </c>
      <c r="D536" s="6" t="s">
        <v>387</v>
      </c>
      <c r="E536" s="7" t="s">
        <v>1919</v>
      </c>
    </row>
    <row r="537" spans="1:5" s="8" customFormat="1" ht="28.5" customHeight="1" x14ac:dyDescent="0.15">
      <c r="A537" s="6" t="s">
        <v>1897</v>
      </c>
      <c r="B537" s="6">
        <v>9101925</v>
      </c>
      <c r="C537" s="7" t="s">
        <v>1920</v>
      </c>
      <c r="D537" s="6" t="s">
        <v>385</v>
      </c>
      <c r="E537" s="7" t="s">
        <v>1921</v>
      </c>
    </row>
    <row r="538" spans="1:5" s="8" customFormat="1" ht="28.5" customHeight="1" x14ac:dyDescent="0.15">
      <c r="A538" s="6" t="s">
        <v>1897</v>
      </c>
      <c r="B538" s="6" t="s">
        <v>392</v>
      </c>
      <c r="C538" s="7" t="s">
        <v>1922</v>
      </c>
      <c r="D538" s="6" t="s">
        <v>385</v>
      </c>
      <c r="E538" s="7" t="s">
        <v>1923</v>
      </c>
    </row>
    <row r="539" spans="1:5" s="8" customFormat="1" ht="28.5" customHeight="1" x14ac:dyDescent="0.15">
      <c r="A539" s="6" t="s">
        <v>1897</v>
      </c>
      <c r="B539" s="6">
        <v>9102006</v>
      </c>
      <c r="C539" s="7" t="s">
        <v>1924</v>
      </c>
      <c r="D539" s="6" t="s">
        <v>393</v>
      </c>
      <c r="E539" s="7" t="s">
        <v>1925</v>
      </c>
    </row>
    <row r="540" spans="1:5" s="8" customFormat="1" ht="28.5" customHeight="1" x14ac:dyDescent="0.15">
      <c r="A540" s="6" t="s">
        <v>1897</v>
      </c>
      <c r="B540" s="6">
        <v>9102055</v>
      </c>
      <c r="C540" s="7" t="s">
        <v>1926</v>
      </c>
      <c r="D540" s="6" t="s">
        <v>383</v>
      </c>
      <c r="E540" s="7" t="s">
        <v>1927</v>
      </c>
    </row>
    <row r="541" spans="1:5" s="8" customFormat="1" ht="28.5" customHeight="1" x14ac:dyDescent="0.15">
      <c r="A541" s="6" t="s">
        <v>1897</v>
      </c>
      <c r="B541" s="6">
        <v>9102063</v>
      </c>
      <c r="C541" s="7" t="s">
        <v>888</v>
      </c>
      <c r="D541" s="6" t="s">
        <v>394</v>
      </c>
      <c r="E541" s="7" t="s">
        <v>1928</v>
      </c>
    </row>
    <row r="542" spans="1:5" s="8" customFormat="1" ht="28.5" customHeight="1" x14ac:dyDescent="0.15">
      <c r="A542" s="6" t="s">
        <v>1897</v>
      </c>
      <c r="B542" s="6">
        <v>9102089</v>
      </c>
      <c r="C542" s="7" t="s">
        <v>1929</v>
      </c>
      <c r="D542" s="6" t="s">
        <v>389</v>
      </c>
      <c r="E542" s="7" t="s">
        <v>1930</v>
      </c>
    </row>
    <row r="543" spans="1:5" s="8" customFormat="1" ht="28.5" customHeight="1" x14ac:dyDescent="0.15">
      <c r="A543" s="6" t="s">
        <v>1897</v>
      </c>
      <c r="B543" s="6">
        <v>9102105</v>
      </c>
      <c r="C543" s="7" t="s">
        <v>1931</v>
      </c>
      <c r="D543" s="6" t="s">
        <v>11</v>
      </c>
      <c r="E543" s="7" t="s">
        <v>1932</v>
      </c>
    </row>
    <row r="544" spans="1:5" s="8" customFormat="1" ht="28.5" customHeight="1" x14ac:dyDescent="0.15">
      <c r="A544" s="6" t="s">
        <v>1897</v>
      </c>
      <c r="B544" s="6">
        <v>9102121</v>
      </c>
      <c r="C544" s="7" t="s">
        <v>1525</v>
      </c>
      <c r="D544" s="6" t="s">
        <v>387</v>
      </c>
      <c r="E544" s="7" t="s">
        <v>1933</v>
      </c>
    </row>
    <row r="545" spans="1:5" s="8" customFormat="1" ht="28.5" customHeight="1" x14ac:dyDescent="0.15">
      <c r="A545" s="6" t="s">
        <v>1897</v>
      </c>
      <c r="B545" s="6">
        <v>9102162</v>
      </c>
      <c r="C545" s="7" t="s">
        <v>1934</v>
      </c>
      <c r="D545" s="6" t="s">
        <v>395</v>
      </c>
      <c r="E545" s="7" t="s">
        <v>1935</v>
      </c>
    </row>
    <row r="546" spans="1:5" s="8" customFormat="1" ht="28.5" customHeight="1" x14ac:dyDescent="0.15">
      <c r="A546" s="6" t="s">
        <v>1897</v>
      </c>
      <c r="B546" s="6">
        <v>9102261</v>
      </c>
      <c r="C546" s="7" t="s">
        <v>396</v>
      </c>
      <c r="D546" s="6" t="s">
        <v>385</v>
      </c>
      <c r="E546" s="7" t="s">
        <v>1936</v>
      </c>
    </row>
    <row r="547" spans="1:5" s="8" customFormat="1" ht="28.5" customHeight="1" x14ac:dyDescent="0.15">
      <c r="A547" s="6" t="s">
        <v>1897</v>
      </c>
      <c r="B547" s="6">
        <v>9102303</v>
      </c>
      <c r="C547" s="7" t="s">
        <v>1604</v>
      </c>
      <c r="D547" s="6" t="s">
        <v>383</v>
      </c>
      <c r="E547" s="7" t="s">
        <v>1937</v>
      </c>
    </row>
    <row r="548" spans="1:5" s="8" customFormat="1" ht="28.5" customHeight="1" x14ac:dyDescent="0.15">
      <c r="A548" s="6" t="s">
        <v>1897</v>
      </c>
      <c r="B548" s="6">
        <v>9102311</v>
      </c>
      <c r="C548" s="7" t="s">
        <v>1938</v>
      </c>
      <c r="D548" s="6" t="s">
        <v>386</v>
      </c>
      <c r="E548" s="7" t="s">
        <v>1939</v>
      </c>
    </row>
    <row r="549" spans="1:5" s="8" customFormat="1" ht="28.5" customHeight="1" x14ac:dyDescent="0.15">
      <c r="A549" s="6" t="s">
        <v>1897</v>
      </c>
      <c r="B549" s="6">
        <v>9102329</v>
      </c>
      <c r="C549" s="7" t="s">
        <v>1940</v>
      </c>
      <c r="D549" s="6" t="s">
        <v>386</v>
      </c>
      <c r="E549" s="7" t="s">
        <v>3415</v>
      </c>
    </row>
    <row r="550" spans="1:5" s="8" customFormat="1" ht="28.5" customHeight="1" x14ac:dyDescent="0.15">
      <c r="A550" s="6" t="s">
        <v>1897</v>
      </c>
      <c r="B550" s="6">
        <v>9102394</v>
      </c>
      <c r="C550" s="7" t="s">
        <v>397</v>
      </c>
      <c r="D550" s="6" t="s">
        <v>11</v>
      </c>
      <c r="E550" s="7" t="s">
        <v>1941</v>
      </c>
    </row>
    <row r="551" spans="1:5" s="8" customFormat="1" ht="28.5" customHeight="1" x14ac:dyDescent="0.15">
      <c r="A551" s="6" t="s">
        <v>1897</v>
      </c>
      <c r="B551" s="6">
        <v>9102436</v>
      </c>
      <c r="C551" s="7" t="s">
        <v>1942</v>
      </c>
      <c r="D551" s="6" t="s">
        <v>383</v>
      </c>
      <c r="E551" s="7" t="s">
        <v>1943</v>
      </c>
    </row>
    <row r="552" spans="1:5" s="8" customFormat="1" ht="28.5" customHeight="1" x14ac:dyDescent="0.15">
      <c r="A552" s="6" t="s">
        <v>1897</v>
      </c>
      <c r="B552" s="6">
        <v>9102444</v>
      </c>
      <c r="C552" s="7" t="s">
        <v>1944</v>
      </c>
      <c r="D552" s="6" t="s">
        <v>385</v>
      </c>
      <c r="E552" s="7" t="s">
        <v>1945</v>
      </c>
    </row>
    <row r="553" spans="1:5" s="8" customFormat="1" ht="28.5" customHeight="1" x14ac:dyDescent="0.15">
      <c r="A553" s="6" t="s">
        <v>1897</v>
      </c>
      <c r="B553" s="6">
        <v>9102451</v>
      </c>
      <c r="C553" s="7" t="s">
        <v>1946</v>
      </c>
      <c r="D553" s="6" t="s">
        <v>388</v>
      </c>
      <c r="E553" s="7" t="s">
        <v>1947</v>
      </c>
    </row>
    <row r="554" spans="1:5" s="8" customFormat="1" ht="28.5" customHeight="1" x14ac:dyDescent="0.15">
      <c r="A554" s="6" t="s">
        <v>1897</v>
      </c>
      <c r="B554" s="6">
        <v>9102501</v>
      </c>
      <c r="C554" s="7" t="s">
        <v>1948</v>
      </c>
      <c r="D554" s="6" t="s">
        <v>398</v>
      </c>
      <c r="E554" s="7" t="s">
        <v>1949</v>
      </c>
    </row>
    <row r="555" spans="1:5" s="8" customFormat="1" ht="28.5" customHeight="1" x14ac:dyDescent="0.15">
      <c r="A555" s="6" t="s">
        <v>1897</v>
      </c>
      <c r="B555" s="6">
        <v>9102543</v>
      </c>
      <c r="C555" s="7" t="s">
        <v>1950</v>
      </c>
      <c r="D555" s="6" t="s">
        <v>391</v>
      </c>
      <c r="E555" s="7" t="s">
        <v>1951</v>
      </c>
    </row>
    <row r="556" spans="1:5" s="8" customFormat="1" ht="28.5" customHeight="1" x14ac:dyDescent="0.15">
      <c r="A556" s="6" t="s">
        <v>1897</v>
      </c>
      <c r="B556" s="6" t="s">
        <v>399</v>
      </c>
      <c r="C556" s="7" t="s">
        <v>1952</v>
      </c>
      <c r="D556" s="6" t="s">
        <v>387</v>
      </c>
      <c r="E556" s="7" t="s">
        <v>1953</v>
      </c>
    </row>
    <row r="557" spans="1:5" s="8" customFormat="1" ht="28.5" customHeight="1" x14ac:dyDescent="0.15">
      <c r="A557" s="6" t="s">
        <v>1897</v>
      </c>
      <c r="B557" s="6" t="s">
        <v>400</v>
      </c>
      <c r="C557" s="7" t="s">
        <v>1954</v>
      </c>
      <c r="D557" s="6" t="s">
        <v>395</v>
      </c>
      <c r="E557" s="7" t="s">
        <v>1955</v>
      </c>
    </row>
    <row r="558" spans="1:5" s="8" customFormat="1" ht="28.5" customHeight="1" x14ac:dyDescent="0.15">
      <c r="A558" s="6" t="s">
        <v>1897</v>
      </c>
      <c r="B558" s="6">
        <v>9102634</v>
      </c>
      <c r="C558" s="7" t="s">
        <v>1956</v>
      </c>
      <c r="D558" s="6" t="s">
        <v>394</v>
      </c>
      <c r="E558" s="7" t="s">
        <v>1957</v>
      </c>
    </row>
    <row r="559" spans="1:5" s="8" customFormat="1" ht="28.5" customHeight="1" x14ac:dyDescent="0.15">
      <c r="A559" s="6" t="s">
        <v>1897</v>
      </c>
      <c r="B559" s="6">
        <v>9102659</v>
      </c>
      <c r="C559" s="7" t="s">
        <v>1958</v>
      </c>
      <c r="D559" s="6" t="s">
        <v>386</v>
      </c>
      <c r="E559" s="7" t="s">
        <v>1959</v>
      </c>
    </row>
    <row r="560" spans="1:5" s="8" customFormat="1" ht="28.5" customHeight="1" x14ac:dyDescent="0.15">
      <c r="A560" s="6" t="s">
        <v>1897</v>
      </c>
      <c r="B560" s="6">
        <v>9102709</v>
      </c>
      <c r="C560" s="7" t="s">
        <v>1960</v>
      </c>
      <c r="D560" s="6" t="s">
        <v>388</v>
      </c>
      <c r="E560" s="7" t="s">
        <v>1961</v>
      </c>
    </row>
    <row r="561" spans="1:5" s="8" customFormat="1" ht="28.5" customHeight="1" x14ac:dyDescent="0.15">
      <c r="A561" s="6" t="s">
        <v>1897</v>
      </c>
      <c r="B561" s="6" t="s">
        <v>402</v>
      </c>
      <c r="C561" s="7" t="s">
        <v>1962</v>
      </c>
      <c r="D561" s="6" t="s">
        <v>391</v>
      </c>
      <c r="E561" s="7" t="s">
        <v>1963</v>
      </c>
    </row>
    <row r="562" spans="1:5" s="8" customFormat="1" ht="28.5" customHeight="1" x14ac:dyDescent="0.15">
      <c r="A562" s="6" t="s">
        <v>1897</v>
      </c>
      <c r="B562" s="6">
        <v>9102725</v>
      </c>
      <c r="C562" s="7" t="s">
        <v>1964</v>
      </c>
      <c r="D562" s="6" t="s">
        <v>11</v>
      </c>
      <c r="E562" s="7" t="s">
        <v>1965</v>
      </c>
    </row>
    <row r="563" spans="1:5" s="8" customFormat="1" ht="28.5" customHeight="1" x14ac:dyDescent="0.15">
      <c r="A563" s="6" t="s">
        <v>1897</v>
      </c>
      <c r="B563" s="6">
        <v>9102741</v>
      </c>
      <c r="C563" s="7" t="s">
        <v>1966</v>
      </c>
      <c r="D563" s="6" t="s">
        <v>384</v>
      </c>
      <c r="E563" s="7" t="s">
        <v>1967</v>
      </c>
    </row>
    <row r="564" spans="1:5" s="8" customFormat="1" ht="28.5" customHeight="1" x14ac:dyDescent="0.15">
      <c r="A564" s="6" t="s">
        <v>1897</v>
      </c>
      <c r="B564" s="6" t="s">
        <v>403</v>
      </c>
      <c r="C564" s="7" t="s">
        <v>1968</v>
      </c>
      <c r="D564" s="6" t="s">
        <v>388</v>
      </c>
      <c r="E564" s="7" t="s">
        <v>1969</v>
      </c>
    </row>
    <row r="565" spans="1:5" s="8" customFormat="1" ht="28.5" customHeight="1" x14ac:dyDescent="0.15">
      <c r="A565" s="6" t="s">
        <v>1897</v>
      </c>
      <c r="B565" s="6">
        <v>9102766</v>
      </c>
      <c r="C565" s="7" t="s">
        <v>1970</v>
      </c>
      <c r="D565" s="6" t="s">
        <v>386</v>
      </c>
      <c r="E565" s="7" t="s">
        <v>1971</v>
      </c>
    </row>
    <row r="566" spans="1:5" s="8" customFormat="1" ht="28.5" customHeight="1" x14ac:dyDescent="0.15">
      <c r="A566" s="6" t="s">
        <v>1897</v>
      </c>
      <c r="B566" s="6">
        <v>9102774</v>
      </c>
      <c r="C566" s="7" t="s">
        <v>1972</v>
      </c>
      <c r="D566" s="6" t="s">
        <v>387</v>
      </c>
      <c r="E566" s="7" t="s">
        <v>1973</v>
      </c>
    </row>
    <row r="567" spans="1:5" s="8" customFormat="1" ht="28.5" customHeight="1" x14ac:dyDescent="0.15">
      <c r="A567" s="6" t="s">
        <v>1897</v>
      </c>
      <c r="B567" s="6" t="s">
        <v>404</v>
      </c>
      <c r="C567" s="7" t="s">
        <v>1974</v>
      </c>
      <c r="D567" s="6" t="s">
        <v>405</v>
      </c>
      <c r="E567" s="7" t="s">
        <v>1975</v>
      </c>
    </row>
    <row r="568" spans="1:5" s="8" customFormat="1" ht="28.5" customHeight="1" x14ac:dyDescent="0.15">
      <c r="A568" s="6" t="s">
        <v>1897</v>
      </c>
      <c r="B568" s="6" t="s">
        <v>406</v>
      </c>
      <c r="C568" s="7" t="s">
        <v>1976</v>
      </c>
      <c r="D568" s="6" t="s">
        <v>387</v>
      </c>
      <c r="E568" s="7" t="s">
        <v>1977</v>
      </c>
    </row>
    <row r="569" spans="1:5" s="8" customFormat="1" ht="28.5" customHeight="1" x14ac:dyDescent="0.15">
      <c r="A569" s="6" t="s">
        <v>1897</v>
      </c>
      <c r="B569" s="6">
        <v>9102824</v>
      </c>
      <c r="C569" s="7" t="s">
        <v>1978</v>
      </c>
      <c r="D569" s="6" t="s">
        <v>388</v>
      </c>
      <c r="E569" s="7" t="s">
        <v>1979</v>
      </c>
    </row>
    <row r="570" spans="1:5" s="8" customFormat="1" ht="28.5" customHeight="1" x14ac:dyDescent="0.15">
      <c r="A570" s="6" t="s">
        <v>1897</v>
      </c>
      <c r="B570" s="6" t="s">
        <v>407</v>
      </c>
      <c r="C570" s="7" t="s">
        <v>1980</v>
      </c>
      <c r="D570" s="6" t="s">
        <v>401</v>
      </c>
      <c r="E570" s="7" t="s">
        <v>1981</v>
      </c>
    </row>
    <row r="571" spans="1:5" s="8" customFormat="1" ht="28.5" customHeight="1" x14ac:dyDescent="0.15">
      <c r="A571" s="6" t="s">
        <v>1897</v>
      </c>
      <c r="B571" s="6">
        <v>9102865</v>
      </c>
      <c r="C571" s="7" t="s">
        <v>1982</v>
      </c>
      <c r="D571" s="6" t="s">
        <v>386</v>
      </c>
      <c r="E571" s="7" t="s">
        <v>1983</v>
      </c>
    </row>
    <row r="572" spans="1:5" s="8" customFormat="1" ht="28.5" customHeight="1" x14ac:dyDescent="0.15">
      <c r="A572" s="6" t="s">
        <v>1897</v>
      </c>
      <c r="B572" s="6">
        <v>9102873</v>
      </c>
      <c r="C572" s="7" t="s">
        <v>1984</v>
      </c>
      <c r="D572" s="6" t="s">
        <v>388</v>
      </c>
      <c r="E572" s="7" t="s">
        <v>1985</v>
      </c>
    </row>
    <row r="573" spans="1:5" s="8" customFormat="1" ht="28.5" customHeight="1" x14ac:dyDescent="0.15">
      <c r="A573" s="6" t="s">
        <v>1897</v>
      </c>
      <c r="B573" s="6">
        <v>9102881</v>
      </c>
      <c r="C573" s="7" t="s">
        <v>1986</v>
      </c>
      <c r="D573" s="6" t="s">
        <v>393</v>
      </c>
      <c r="E573" s="7" t="s">
        <v>1987</v>
      </c>
    </row>
    <row r="574" spans="1:5" s="8" customFormat="1" ht="28.5" customHeight="1" x14ac:dyDescent="0.15">
      <c r="A574" s="6" t="s">
        <v>1897</v>
      </c>
      <c r="B574" s="6">
        <v>9102923</v>
      </c>
      <c r="C574" s="7" t="s">
        <v>1988</v>
      </c>
      <c r="D574" s="6" t="s">
        <v>408</v>
      </c>
      <c r="E574" s="7" t="s">
        <v>1989</v>
      </c>
    </row>
    <row r="575" spans="1:5" s="8" customFormat="1" ht="28.5" customHeight="1" x14ac:dyDescent="0.15">
      <c r="A575" s="6" t="s">
        <v>1897</v>
      </c>
      <c r="B575" s="6">
        <v>9102931</v>
      </c>
      <c r="C575" s="7" t="s">
        <v>1990</v>
      </c>
      <c r="D575" s="6" t="s">
        <v>11</v>
      </c>
      <c r="E575" s="7" t="s">
        <v>1991</v>
      </c>
    </row>
    <row r="576" spans="1:5" s="8" customFormat="1" ht="28.5" customHeight="1" x14ac:dyDescent="0.15">
      <c r="A576" s="6" t="s">
        <v>1897</v>
      </c>
      <c r="B576" s="6">
        <v>9102949</v>
      </c>
      <c r="C576" s="7" t="s">
        <v>1992</v>
      </c>
      <c r="D576" s="6" t="s">
        <v>387</v>
      </c>
      <c r="E576" s="7" t="s">
        <v>1993</v>
      </c>
    </row>
    <row r="577" spans="1:5" s="8" customFormat="1" ht="28.5" customHeight="1" x14ac:dyDescent="0.15">
      <c r="A577" s="6" t="s">
        <v>1897</v>
      </c>
      <c r="B577" s="6" t="s">
        <v>409</v>
      </c>
      <c r="C577" s="7" t="s">
        <v>1994</v>
      </c>
      <c r="D577" s="6" t="s">
        <v>398</v>
      </c>
      <c r="E577" s="7" t="s">
        <v>1995</v>
      </c>
    </row>
    <row r="578" spans="1:5" s="8" customFormat="1" ht="28.5" customHeight="1" x14ac:dyDescent="0.15">
      <c r="A578" s="6" t="s">
        <v>1897</v>
      </c>
      <c r="B578" s="6" t="s">
        <v>410</v>
      </c>
      <c r="C578" s="7" t="s">
        <v>1861</v>
      </c>
      <c r="D578" s="6" t="s">
        <v>401</v>
      </c>
      <c r="E578" s="7" t="s">
        <v>1996</v>
      </c>
    </row>
    <row r="579" spans="1:5" s="8" customFormat="1" ht="28.5" customHeight="1" x14ac:dyDescent="0.15">
      <c r="A579" s="6" t="s">
        <v>1897</v>
      </c>
      <c r="B579" s="6" t="s">
        <v>411</v>
      </c>
      <c r="C579" s="7" t="s">
        <v>1997</v>
      </c>
      <c r="D579" s="6" t="s">
        <v>386</v>
      </c>
      <c r="E579" s="7" t="s">
        <v>1998</v>
      </c>
    </row>
    <row r="580" spans="1:5" s="8" customFormat="1" ht="28.5" customHeight="1" x14ac:dyDescent="0.15">
      <c r="A580" s="6" t="s">
        <v>1897</v>
      </c>
      <c r="B580" s="6" t="s">
        <v>412</v>
      </c>
      <c r="C580" s="7" t="s">
        <v>1999</v>
      </c>
      <c r="D580" s="6" t="s">
        <v>391</v>
      </c>
      <c r="E580" s="7" t="s">
        <v>2000</v>
      </c>
    </row>
    <row r="581" spans="1:5" s="8" customFormat="1" ht="28.5" customHeight="1" x14ac:dyDescent="0.15">
      <c r="A581" s="6" t="s">
        <v>1897</v>
      </c>
      <c r="B581" s="6" t="s">
        <v>413</v>
      </c>
      <c r="C581" s="7" t="s">
        <v>2001</v>
      </c>
      <c r="D581" s="6" t="s">
        <v>414</v>
      </c>
      <c r="E581" s="7" t="s">
        <v>2002</v>
      </c>
    </row>
    <row r="582" spans="1:5" s="8" customFormat="1" ht="28.5" customHeight="1" x14ac:dyDescent="0.15">
      <c r="A582" s="6" t="s">
        <v>1897</v>
      </c>
      <c r="B582" s="6" t="s">
        <v>415</v>
      </c>
      <c r="C582" s="7" t="s">
        <v>2003</v>
      </c>
      <c r="D582" s="6" t="s">
        <v>393</v>
      </c>
      <c r="E582" s="7" t="s">
        <v>2004</v>
      </c>
    </row>
    <row r="583" spans="1:5" s="8" customFormat="1" ht="28.5" customHeight="1" x14ac:dyDescent="0.15">
      <c r="A583" s="6" t="s">
        <v>2005</v>
      </c>
      <c r="B583" s="6" t="s">
        <v>2006</v>
      </c>
      <c r="C583" s="7" t="s">
        <v>2007</v>
      </c>
      <c r="D583" s="6" t="s">
        <v>387</v>
      </c>
      <c r="E583" s="7" t="s">
        <v>2008</v>
      </c>
    </row>
    <row r="584" spans="1:5" s="8" customFormat="1" ht="28.5" customHeight="1" x14ac:dyDescent="0.15">
      <c r="A584" s="6" t="s">
        <v>2005</v>
      </c>
      <c r="B584" s="6" t="s">
        <v>2009</v>
      </c>
      <c r="C584" s="7" t="s">
        <v>1491</v>
      </c>
      <c r="D584" s="6" t="s">
        <v>385</v>
      </c>
      <c r="E584" s="7" t="s">
        <v>2010</v>
      </c>
    </row>
    <row r="585" spans="1:5" s="8" customFormat="1" ht="28.5" customHeight="1" x14ac:dyDescent="0.15">
      <c r="A585" s="6" t="s">
        <v>2005</v>
      </c>
      <c r="B585" s="6" t="s">
        <v>2011</v>
      </c>
      <c r="C585" s="7" t="s">
        <v>2012</v>
      </c>
      <c r="D585" s="6" t="s">
        <v>384</v>
      </c>
      <c r="E585" s="7" t="s">
        <v>2013</v>
      </c>
    </row>
    <row r="586" spans="1:5" s="8" customFormat="1" ht="28.5" customHeight="1" x14ac:dyDescent="0.15">
      <c r="A586" s="6" t="s">
        <v>2014</v>
      </c>
      <c r="B586" s="6">
        <v>3001410</v>
      </c>
      <c r="C586" s="7" t="s">
        <v>2015</v>
      </c>
      <c r="D586" s="6" t="s">
        <v>416</v>
      </c>
      <c r="E586" s="7" t="s">
        <v>2016</v>
      </c>
    </row>
    <row r="587" spans="1:5" s="8" customFormat="1" ht="28.5" customHeight="1" x14ac:dyDescent="0.15">
      <c r="A587" s="6" t="s">
        <v>2014</v>
      </c>
      <c r="B587" s="6">
        <v>3001444</v>
      </c>
      <c r="C587" s="7" t="s">
        <v>2017</v>
      </c>
      <c r="D587" s="6" t="s">
        <v>417</v>
      </c>
      <c r="E587" s="7" t="s">
        <v>2018</v>
      </c>
    </row>
    <row r="588" spans="1:5" s="8" customFormat="1" ht="28.5" customHeight="1" x14ac:dyDescent="0.15">
      <c r="A588" s="6" t="s">
        <v>2014</v>
      </c>
      <c r="B588" s="6">
        <v>3001568</v>
      </c>
      <c r="C588" s="7" t="s">
        <v>2019</v>
      </c>
      <c r="D588" s="6" t="s">
        <v>12</v>
      </c>
      <c r="E588" s="7" t="s">
        <v>2020</v>
      </c>
    </row>
    <row r="589" spans="1:5" s="8" customFormat="1" ht="28.5" customHeight="1" x14ac:dyDescent="0.15">
      <c r="A589" s="6" t="s">
        <v>2014</v>
      </c>
      <c r="B589" s="6">
        <v>3001600</v>
      </c>
      <c r="C589" s="7" t="s">
        <v>2021</v>
      </c>
      <c r="D589" s="6" t="s">
        <v>418</v>
      </c>
      <c r="E589" s="7" t="s">
        <v>2022</v>
      </c>
    </row>
    <row r="590" spans="1:5" s="8" customFormat="1" ht="28.5" customHeight="1" x14ac:dyDescent="0.15">
      <c r="A590" s="6" t="s">
        <v>2014</v>
      </c>
      <c r="B590" s="6">
        <v>3001683</v>
      </c>
      <c r="C590" s="7" t="s">
        <v>2023</v>
      </c>
      <c r="D590" s="6" t="s">
        <v>418</v>
      </c>
      <c r="E590" s="7" t="s">
        <v>2024</v>
      </c>
    </row>
    <row r="591" spans="1:5" s="8" customFormat="1" ht="28.5" customHeight="1" x14ac:dyDescent="0.15">
      <c r="A591" s="6" t="s">
        <v>2014</v>
      </c>
      <c r="B591" s="6">
        <v>3001725</v>
      </c>
      <c r="C591" s="7" t="s">
        <v>2025</v>
      </c>
      <c r="D591" s="6" t="s">
        <v>12</v>
      </c>
      <c r="E591" s="7" t="s">
        <v>2026</v>
      </c>
    </row>
    <row r="592" spans="1:5" s="8" customFormat="1" ht="28.5" customHeight="1" x14ac:dyDescent="0.15">
      <c r="A592" s="6" t="s">
        <v>2014</v>
      </c>
      <c r="B592" s="6">
        <v>3001733</v>
      </c>
      <c r="C592" s="7" t="s">
        <v>2027</v>
      </c>
      <c r="D592" s="6" t="s">
        <v>12</v>
      </c>
      <c r="E592" s="7" t="s">
        <v>2028</v>
      </c>
    </row>
    <row r="593" spans="1:5" s="8" customFormat="1" ht="28.5" customHeight="1" x14ac:dyDescent="0.15">
      <c r="A593" s="6" t="s">
        <v>2014</v>
      </c>
      <c r="B593" s="6">
        <v>3001824</v>
      </c>
      <c r="C593" s="7" t="s">
        <v>2029</v>
      </c>
      <c r="D593" s="6" t="s">
        <v>420</v>
      </c>
      <c r="E593" s="7" t="s">
        <v>2030</v>
      </c>
    </row>
    <row r="594" spans="1:5" s="8" customFormat="1" ht="28.5" customHeight="1" x14ac:dyDescent="0.15">
      <c r="A594" s="6" t="s">
        <v>2014</v>
      </c>
      <c r="B594" s="6">
        <v>3001865</v>
      </c>
      <c r="C594" s="7" t="s">
        <v>2031</v>
      </c>
      <c r="D594" s="6" t="s">
        <v>418</v>
      </c>
      <c r="E594" s="7" t="s">
        <v>2032</v>
      </c>
    </row>
    <row r="595" spans="1:5" s="8" customFormat="1" ht="28.5" customHeight="1" x14ac:dyDescent="0.15">
      <c r="A595" s="6" t="s">
        <v>2014</v>
      </c>
      <c r="B595" s="6">
        <v>3001931</v>
      </c>
      <c r="C595" s="7" t="s">
        <v>2019</v>
      </c>
      <c r="D595" s="6" t="s">
        <v>421</v>
      </c>
      <c r="E595" s="7" t="s">
        <v>2033</v>
      </c>
    </row>
    <row r="596" spans="1:5" s="8" customFormat="1" ht="28.5" customHeight="1" x14ac:dyDescent="0.15">
      <c r="A596" s="6" t="s">
        <v>2014</v>
      </c>
      <c r="B596" s="6">
        <v>3001964</v>
      </c>
      <c r="C596" s="7" t="s">
        <v>2034</v>
      </c>
      <c r="D596" s="6" t="s">
        <v>12</v>
      </c>
      <c r="E596" s="7" t="s">
        <v>2035</v>
      </c>
    </row>
    <row r="597" spans="1:5" s="8" customFormat="1" ht="28.5" customHeight="1" x14ac:dyDescent="0.15">
      <c r="A597" s="6" t="s">
        <v>2014</v>
      </c>
      <c r="B597" s="6">
        <v>3002004</v>
      </c>
      <c r="C597" s="7" t="s">
        <v>2036</v>
      </c>
      <c r="D597" s="6" t="s">
        <v>418</v>
      </c>
      <c r="E597" s="7" t="s">
        <v>2037</v>
      </c>
    </row>
    <row r="598" spans="1:5" s="8" customFormat="1" ht="28.5" customHeight="1" x14ac:dyDescent="0.15">
      <c r="A598" s="6" t="s">
        <v>2014</v>
      </c>
      <c r="B598" s="6">
        <v>3002079</v>
      </c>
      <c r="C598" s="7" t="s">
        <v>1195</v>
      </c>
      <c r="D598" s="6" t="s">
        <v>418</v>
      </c>
      <c r="E598" s="7" t="s">
        <v>2038</v>
      </c>
    </row>
    <row r="599" spans="1:5" s="8" customFormat="1" ht="28.5" customHeight="1" x14ac:dyDescent="0.15">
      <c r="A599" s="6" t="s">
        <v>2014</v>
      </c>
      <c r="B599" s="6">
        <v>3002103</v>
      </c>
      <c r="C599" s="7" t="s">
        <v>2039</v>
      </c>
      <c r="D599" s="6" t="s">
        <v>12</v>
      </c>
      <c r="E599" s="7" t="s">
        <v>2040</v>
      </c>
    </row>
    <row r="600" spans="1:5" s="8" customFormat="1" ht="28.5" customHeight="1" x14ac:dyDescent="0.15">
      <c r="A600" s="6" t="s">
        <v>2014</v>
      </c>
      <c r="B600" s="6">
        <v>3002194</v>
      </c>
      <c r="C600" s="7" t="s">
        <v>422</v>
      </c>
      <c r="D600" s="6" t="s">
        <v>423</v>
      </c>
      <c r="E600" s="7" t="s">
        <v>424</v>
      </c>
    </row>
    <row r="601" spans="1:5" s="8" customFormat="1" ht="28.5" customHeight="1" x14ac:dyDescent="0.15">
      <c r="A601" s="6" t="s">
        <v>2014</v>
      </c>
      <c r="B601" s="6">
        <v>3002202</v>
      </c>
      <c r="C601" s="7" t="s">
        <v>2041</v>
      </c>
      <c r="D601" s="6" t="s">
        <v>421</v>
      </c>
      <c r="E601" s="7" t="s">
        <v>2042</v>
      </c>
    </row>
    <row r="602" spans="1:5" s="8" customFormat="1" ht="28.5" customHeight="1" x14ac:dyDescent="0.15">
      <c r="A602" s="6" t="s">
        <v>2014</v>
      </c>
      <c r="B602" s="6">
        <v>3002301</v>
      </c>
      <c r="C602" s="7" t="s">
        <v>2043</v>
      </c>
      <c r="D602" s="6" t="s">
        <v>421</v>
      </c>
      <c r="E602" s="7" t="s">
        <v>2044</v>
      </c>
    </row>
    <row r="603" spans="1:5" s="8" customFormat="1" ht="28.5" customHeight="1" x14ac:dyDescent="0.15">
      <c r="A603" s="6" t="s">
        <v>2014</v>
      </c>
      <c r="B603" s="6" t="s">
        <v>425</v>
      </c>
      <c r="C603" s="7" t="s">
        <v>1870</v>
      </c>
      <c r="D603" s="6" t="s">
        <v>416</v>
      </c>
      <c r="E603" s="7" t="s">
        <v>2045</v>
      </c>
    </row>
    <row r="604" spans="1:5" s="8" customFormat="1" ht="28.5" customHeight="1" x14ac:dyDescent="0.15">
      <c r="A604" s="6" t="s">
        <v>2014</v>
      </c>
      <c r="B604" s="6">
        <v>3002384</v>
      </c>
      <c r="C604" s="7" t="s">
        <v>2046</v>
      </c>
      <c r="D604" s="6" t="s">
        <v>426</v>
      </c>
      <c r="E604" s="7" t="s">
        <v>2047</v>
      </c>
    </row>
    <row r="605" spans="1:5" s="8" customFormat="1" ht="28.5" customHeight="1" x14ac:dyDescent="0.15">
      <c r="A605" s="6" t="s">
        <v>2014</v>
      </c>
      <c r="B605" s="6">
        <v>3002400</v>
      </c>
      <c r="C605" s="7" t="s">
        <v>1904</v>
      </c>
      <c r="D605" s="6" t="s">
        <v>416</v>
      </c>
      <c r="E605" s="7" t="s">
        <v>2048</v>
      </c>
    </row>
    <row r="606" spans="1:5" s="8" customFormat="1" ht="28.5" customHeight="1" x14ac:dyDescent="0.15">
      <c r="A606" s="6" t="s">
        <v>2014</v>
      </c>
      <c r="B606" s="6">
        <v>3002418</v>
      </c>
      <c r="C606" s="7" t="s">
        <v>932</v>
      </c>
      <c r="D606" s="6" t="s">
        <v>427</v>
      </c>
      <c r="E606" s="7" t="s">
        <v>2049</v>
      </c>
    </row>
    <row r="607" spans="1:5" s="8" customFormat="1" ht="28.5" customHeight="1" x14ac:dyDescent="0.15">
      <c r="A607" s="6" t="s">
        <v>2014</v>
      </c>
      <c r="B607" s="6">
        <v>3002442</v>
      </c>
      <c r="C607" s="7" t="s">
        <v>2050</v>
      </c>
      <c r="D607" s="6" t="s">
        <v>420</v>
      </c>
      <c r="E607" s="7" t="s">
        <v>2051</v>
      </c>
    </row>
    <row r="608" spans="1:5" s="8" customFormat="1" ht="28.5" customHeight="1" x14ac:dyDescent="0.15">
      <c r="A608" s="6" t="s">
        <v>2014</v>
      </c>
      <c r="B608" s="6">
        <v>3002467</v>
      </c>
      <c r="C608" s="7" t="s">
        <v>2052</v>
      </c>
      <c r="D608" s="6" t="s">
        <v>428</v>
      </c>
      <c r="E608" s="7" t="s">
        <v>2053</v>
      </c>
    </row>
    <row r="609" spans="1:5" s="8" customFormat="1" ht="28.5" customHeight="1" x14ac:dyDescent="0.15">
      <c r="A609" s="6" t="s">
        <v>2014</v>
      </c>
      <c r="B609" s="6">
        <v>3002475</v>
      </c>
      <c r="C609" s="7" t="s">
        <v>2054</v>
      </c>
      <c r="D609" s="6" t="s">
        <v>421</v>
      </c>
      <c r="E609" s="7" t="s">
        <v>2055</v>
      </c>
    </row>
    <row r="610" spans="1:5" s="8" customFormat="1" ht="28.5" customHeight="1" x14ac:dyDescent="0.15">
      <c r="A610" s="6" t="s">
        <v>2014</v>
      </c>
      <c r="B610" s="6">
        <v>3002483</v>
      </c>
      <c r="C610" s="7" t="s">
        <v>429</v>
      </c>
      <c r="D610" s="6" t="s">
        <v>430</v>
      </c>
      <c r="E610" s="7" t="s">
        <v>2056</v>
      </c>
    </row>
    <row r="611" spans="1:5" s="8" customFormat="1" ht="28.5" customHeight="1" x14ac:dyDescent="0.15">
      <c r="A611" s="6" t="s">
        <v>2014</v>
      </c>
      <c r="B611" s="6">
        <v>3002491</v>
      </c>
      <c r="C611" s="7" t="s">
        <v>2057</v>
      </c>
      <c r="D611" s="6" t="s">
        <v>12</v>
      </c>
      <c r="E611" s="7" t="s">
        <v>2058</v>
      </c>
    </row>
    <row r="612" spans="1:5" s="8" customFormat="1" ht="28.5" customHeight="1" x14ac:dyDescent="0.15">
      <c r="A612" s="6" t="s">
        <v>2014</v>
      </c>
      <c r="B612" s="6">
        <v>3002525</v>
      </c>
      <c r="C612" s="7" t="s">
        <v>2059</v>
      </c>
      <c r="D612" s="6" t="s">
        <v>431</v>
      </c>
      <c r="E612" s="7" t="s">
        <v>2060</v>
      </c>
    </row>
    <row r="613" spans="1:5" s="8" customFormat="1" ht="28.5" customHeight="1" x14ac:dyDescent="0.15">
      <c r="A613" s="6" t="s">
        <v>2014</v>
      </c>
      <c r="B613" s="6">
        <v>3002533</v>
      </c>
      <c r="C613" s="7" t="s">
        <v>2061</v>
      </c>
      <c r="D613" s="6" t="s">
        <v>432</v>
      </c>
      <c r="E613" s="7" t="s">
        <v>2062</v>
      </c>
    </row>
    <row r="614" spans="1:5" s="8" customFormat="1" ht="28.5" customHeight="1" x14ac:dyDescent="0.15">
      <c r="A614" s="6" t="s">
        <v>2014</v>
      </c>
      <c r="B614" s="6" t="s">
        <v>433</v>
      </c>
      <c r="C614" s="7" t="s">
        <v>2063</v>
      </c>
      <c r="D614" s="6" t="s">
        <v>417</v>
      </c>
      <c r="E614" s="7" t="s">
        <v>2064</v>
      </c>
    </row>
    <row r="615" spans="1:5" s="8" customFormat="1" ht="28.5" customHeight="1" x14ac:dyDescent="0.15">
      <c r="A615" s="6" t="s">
        <v>2014</v>
      </c>
      <c r="B615" s="6" t="s">
        <v>434</v>
      </c>
      <c r="C615" s="7" t="s">
        <v>2065</v>
      </c>
      <c r="D615" s="6" t="s">
        <v>418</v>
      </c>
      <c r="E615" s="7" t="s">
        <v>2066</v>
      </c>
    </row>
    <row r="616" spans="1:5" s="8" customFormat="1" ht="28.5" customHeight="1" x14ac:dyDescent="0.15">
      <c r="A616" s="6" t="s">
        <v>2014</v>
      </c>
      <c r="B616" s="6" t="s">
        <v>435</v>
      </c>
      <c r="C616" s="7" t="s">
        <v>1317</v>
      </c>
      <c r="D616" s="6" t="s">
        <v>436</v>
      </c>
      <c r="E616" s="7" t="s">
        <v>2067</v>
      </c>
    </row>
    <row r="617" spans="1:5" s="8" customFormat="1" ht="28.5" customHeight="1" x14ac:dyDescent="0.15">
      <c r="A617" s="6" t="s">
        <v>2014</v>
      </c>
      <c r="B617" s="6" t="s">
        <v>437</v>
      </c>
      <c r="C617" s="7" t="s">
        <v>2068</v>
      </c>
      <c r="D617" s="6" t="s">
        <v>12</v>
      </c>
      <c r="E617" s="7" t="s">
        <v>2069</v>
      </c>
    </row>
    <row r="618" spans="1:5" s="8" customFormat="1" ht="28.5" customHeight="1" x14ac:dyDescent="0.15">
      <c r="A618" s="6" t="s">
        <v>2014</v>
      </c>
      <c r="B618" s="6" t="s">
        <v>438</v>
      </c>
      <c r="C618" s="7" t="s">
        <v>2070</v>
      </c>
      <c r="D618" s="6" t="s">
        <v>428</v>
      </c>
      <c r="E618" s="7" t="s">
        <v>2071</v>
      </c>
    </row>
    <row r="619" spans="1:5" s="8" customFormat="1" ht="28.5" customHeight="1" x14ac:dyDescent="0.15">
      <c r="A619" s="6" t="s">
        <v>2014</v>
      </c>
      <c r="B619" s="6">
        <v>3002657</v>
      </c>
      <c r="C619" s="7" t="s">
        <v>2072</v>
      </c>
      <c r="D619" s="6" t="s">
        <v>418</v>
      </c>
      <c r="E619" s="7" t="s">
        <v>2073</v>
      </c>
    </row>
    <row r="620" spans="1:5" s="8" customFormat="1" ht="28.5" customHeight="1" x14ac:dyDescent="0.15">
      <c r="A620" s="6" t="s">
        <v>2014</v>
      </c>
      <c r="B620" s="6" t="s">
        <v>439</v>
      </c>
      <c r="C620" s="7" t="s">
        <v>2074</v>
      </c>
      <c r="D620" s="6" t="s">
        <v>440</v>
      </c>
      <c r="E620" s="7" t="s">
        <v>2075</v>
      </c>
    </row>
    <row r="621" spans="1:5" s="8" customFormat="1" ht="28.5" customHeight="1" x14ac:dyDescent="0.15">
      <c r="A621" s="6" t="s">
        <v>2014</v>
      </c>
      <c r="B621" s="6" t="s">
        <v>441</v>
      </c>
      <c r="C621" s="7" t="s">
        <v>2076</v>
      </c>
      <c r="D621" s="6" t="s">
        <v>436</v>
      </c>
      <c r="E621" s="7" t="s">
        <v>2077</v>
      </c>
    </row>
    <row r="622" spans="1:5" s="8" customFormat="1" ht="28.5" customHeight="1" x14ac:dyDescent="0.15">
      <c r="A622" s="6" t="s">
        <v>2014</v>
      </c>
      <c r="B622" s="6" t="s">
        <v>442</v>
      </c>
      <c r="C622" s="7" t="s">
        <v>2027</v>
      </c>
      <c r="D622" s="6" t="s">
        <v>436</v>
      </c>
      <c r="E622" s="7" t="s">
        <v>2078</v>
      </c>
    </row>
    <row r="623" spans="1:5" s="8" customFormat="1" ht="28.5" customHeight="1" x14ac:dyDescent="0.15">
      <c r="A623" s="6" t="s">
        <v>2014</v>
      </c>
      <c r="B623" s="6" t="s">
        <v>443</v>
      </c>
      <c r="C623" s="7" t="s">
        <v>2079</v>
      </c>
      <c r="D623" s="6" t="s">
        <v>444</v>
      </c>
      <c r="E623" s="7" t="s">
        <v>2080</v>
      </c>
    </row>
    <row r="624" spans="1:5" s="8" customFormat="1" ht="28.5" customHeight="1" x14ac:dyDescent="0.15">
      <c r="A624" s="6" t="s">
        <v>2014</v>
      </c>
      <c r="B624" s="6" t="s">
        <v>445</v>
      </c>
      <c r="C624" s="7" t="s">
        <v>930</v>
      </c>
      <c r="D624" s="6" t="s">
        <v>431</v>
      </c>
      <c r="E624" s="7" t="s">
        <v>2081</v>
      </c>
    </row>
    <row r="625" spans="1:5" s="8" customFormat="1" ht="28.5" customHeight="1" x14ac:dyDescent="0.15">
      <c r="A625" s="6" t="s">
        <v>2014</v>
      </c>
      <c r="B625" s="6" t="s">
        <v>446</v>
      </c>
      <c r="C625" s="7" t="s">
        <v>2082</v>
      </c>
      <c r="D625" s="6" t="s">
        <v>432</v>
      </c>
      <c r="E625" s="7" t="s">
        <v>2083</v>
      </c>
    </row>
    <row r="626" spans="1:5" s="8" customFormat="1" ht="28.5" customHeight="1" x14ac:dyDescent="0.15">
      <c r="A626" s="6" t="s">
        <v>2014</v>
      </c>
      <c r="B626" s="6" t="s">
        <v>447</v>
      </c>
      <c r="C626" s="7" t="s">
        <v>2084</v>
      </c>
      <c r="D626" s="6" t="s">
        <v>432</v>
      </c>
      <c r="E626" s="7" t="s">
        <v>2085</v>
      </c>
    </row>
    <row r="627" spans="1:5" s="8" customFormat="1" ht="28.5" customHeight="1" x14ac:dyDescent="0.15">
      <c r="A627" s="6" t="s">
        <v>2014</v>
      </c>
      <c r="B627" s="6" t="s">
        <v>448</v>
      </c>
      <c r="C627" s="7" t="s">
        <v>2086</v>
      </c>
      <c r="D627" s="6" t="s">
        <v>416</v>
      </c>
      <c r="E627" s="7" t="s">
        <v>2087</v>
      </c>
    </row>
    <row r="628" spans="1:5" s="8" customFormat="1" ht="28.5" customHeight="1" x14ac:dyDescent="0.15">
      <c r="A628" s="6" t="s">
        <v>2014</v>
      </c>
      <c r="B628" s="6" t="s">
        <v>449</v>
      </c>
      <c r="C628" s="7" t="s">
        <v>2088</v>
      </c>
      <c r="D628" s="6" t="s">
        <v>431</v>
      </c>
      <c r="E628" s="7" t="s">
        <v>2089</v>
      </c>
    </row>
    <row r="629" spans="1:5" s="8" customFormat="1" ht="28.5" customHeight="1" x14ac:dyDescent="0.15">
      <c r="A629" s="6" t="s">
        <v>2014</v>
      </c>
      <c r="B629" s="6">
        <v>3002871</v>
      </c>
      <c r="C629" s="7" t="s">
        <v>2090</v>
      </c>
      <c r="D629" s="6" t="s">
        <v>420</v>
      </c>
      <c r="E629" s="7" t="s">
        <v>2091</v>
      </c>
    </row>
    <row r="630" spans="1:5" s="8" customFormat="1" ht="28.5" customHeight="1" x14ac:dyDescent="0.15">
      <c r="A630" s="6" t="s">
        <v>2014</v>
      </c>
      <c r="B630" s="6">
        <v>3002889</v>
      </c>
      <c r="C630" s="7" t="s">
        <v>2092</v>
      </c>
      <c r="D630" s="6" t="s">
        <v>436</v>
      </c>
      <c r="E630" s="7" t="s">
        <v>2093</v>
      </c>
    </row>
    <row r="631" spans="1:5" s="8" customFormat="1" ht="28.5" customHeight="1" x14ac:dyDescent="0.15">
      <c r="A631" s="6" t="s">
        <v>2014</v>
      </c>
      <c r="B631" s="6">
        <v>3002897</v>
      </c>
      <c r="C631" s="7" t="s">
        <v>2094</v>
      </c>
      <c r="D631" s="6" t="s">
        <v>426</v>
      </c>
      <c r="E631" s="7" t="s">
        <v>2095</v>
      </c>
    </row>
    <row r="632" spans="1:5" s="8" customFormat="1" ht="28.5" customHeight="1" x14ac:dyDescent="0.15">
      <c r="A632" s="6" t="s">
        <v>2014</v>
      </c>
      <c r="B632" s="6">
        <v>3002913</v>
      </c>
      <c r="C632" s="7" t="s">
        <v>2096</v>
      </c>
      <c r="D632" s="6" t="s">
        <v>426</v>
      </c>
      <c r="E632" s="7" t="s">
        <v>2097</v>
      </c>
    </row>
    <row r="633" spans="1:5" s="8" customFormat="1" ht="28.5" customHeight="1" x14ac:dyDescent="0.15">
      <c r="A633" s="6" t="s">
        <v>2014</v>
      </c>
      <c r="B633" s="6">
        <v>3002921</v>
      </c>
      <c r="C633" s="7" t="s">
        <v>2098</v>
      </c>
      <c r="D633" s="6" t="s">
        <v>420</v>
      </c>
      <c r="E633" s="7" t="s">
        <v>2099</v>
      </c>
    </row>
    <row r="634" spans="1:5" s="8" customFormat="1" ht="28.5" customHeight="1" x14ac:dyDescent="0.15">
      <c r="A634" s="6" t="s">
        <v>2014</v>
      </c>
      <c r="B634" s="6">
        <v>3002939</v>
      </c>
      <c r="C634" s="7" t="s">
        <v>2100</v>
      </c>
      <c r="D634" s="6" t="s">
        <v>444</v>
      </c>
      <c r="E634" s="7" t="s">
        <v>2101</v>
      </c>
    </row>
    <row r="635" spans="1:5" s="8" customFormat="1" ht="28.5" customHeight="1" x14ac:dyDescent="0.15">
      <c r="A635" s="6" t="s">
        <v>2014</v>
      </c>
      <c r="B635" s="6">
        <v>3002947</v>
      </c>
      <c r="C635" s="7" t="s">
        <v>930</v>
      </c>
      <c r="D635" s="6" t="s">
        <v>421</v>
      </c>
      <c r="E635" s="7" t="s">
        <v>2102</v>
      </c>
    </row>
    <row r="636" spans="1:5" s="8" customFormat="1" ht="28.5" customHeight="1" x14ac:dyDescent="0.15">
      <c r="A636" s="6" t="s">
        <v>2014</v>
      </c>
      <c r="B636" s="6">
        <v>3002954</v>
      </c>
      <c r="C636" s="7" t="s">
        <v>2103</v>
      </c>
      <c r="D636" s="6" t="s">
        <v>418</v>
      </c>
      <c r="E636" s="7" t="s">
        <v>2104</v>
      </c>
    </row>
    <row r="637" spans="1:5" s="8" customFormat="1" ht="28.5" customHeight="1" x14ac:dyDescent="0.15">
      <c r="A637" s="6" t="s">
        <v>2014</v>
      </c>
      <c r="B637" s="6">
        <v>3002962</v>
      </c>
      <c r="C637" s="7" t="s">
        <v>2105</v>
      </c>
      <c r="D637" s="6" t="s">
        <v>432</v>
      </c>
      <c r="E637" s="7" t="s">
        <v>2106</v>
      </c>
    </row>
    <row r="638" spans="1:5" s="8" customFormat="1" ht="28.5" customHeight="1" x14ac:dyDescent="0.15">
      <c r="A638" s="6" t="s">
        <v>2014</v>
      </c>
      <c r="B638" s="6">
        <v>3002970</v>
      </c>
      <c r="C638" s="7" t="s">
        <v>2107</v>
      </c>
      <c r="D638" s="6" t="s">
        <v>432</v>
      </c>
      <c r="E638" s="7" t="s">
        <v>2108</v>
      </c>
    </row>
    <row r="639" spans="1:5" s="8" customFormat="1" ht="28.5" customHeight="1" x14ac:dyDescent="0.15">
      <c r="A639" s="6" t="s">
        <v>2014</v>
      </c>
      <c r="B639" s="6" t="s">
        <v>450</v>
      </c>
      <c r="C639" s="7" t="s">
        <v>2109</v>
      </c>
      <c r="D639" s="6" t="s">
        <v>421</v>
      </c>
      <c r="E639" s="7" t="s">
        <v>2110</v>
      </c>
    </row>
    <row r="640" spans="1:5" s="8" customFormat="1" ht="28.5" customHeight="1" x14ac:dyDescent="0.15">
      <c r="A640" s="6" t="s">
        <v>2014</v>
      </c>
      <c r="B640" s="6" t="s">
        <v>451</v>
      </c>
      <c r="C640" s="7" t="s">
        <v>2111</v>
      </c>
      <c r="D640" s="6" t="s">
        <v>416</v>
      </c>
      <c r="E640" s="7" t="s">
        <v>2112</v>
      </c>
    </row>
    <row r="641" spans="1:5" s="8" customFormat="1" ht="28.5" customHeight="1" x14ac:dyDescent="0.15">
      <c r="A641" s="6" t="s">
        <v>2014</v>
      </c>
      <c r="B641" s="6" t="s">
        <v>452</v>
      </c>
      <c r="C641" s="7" t="s">
        <v>2113</v>
      </c>
      <c r="D641" s="6" t="s">
        <v>426</v>
      </c>
      <c r="E641" s="7" t="s">
        <v>2114</v>
      </c>
    </row>
    <row r="642" spans="1:5" s="8" customFormat="1" ht="28.5" customHeight="1" x14ac:dyDescent="0.15">
      <c r="A642" s="6" t="s">
        <v>2014</v>
      </c>
      <c r="B642" s="6" t="s">
        <v>453</v>
      </c>
      <c r="C642" s="7" t="s">
        <v>2115</v>
      </c>
      <c r="D642" s="6" t="s">
        <v>426</v>
      </c>
      <c r="E642" s="7" t="s">
        <v>2116</v>
      </c>
    </row>
    <row r="643" spans="1:5" s="8" customFormat="1" ht="28.5" customHeight="1" x14ac:dyDescent="0.15">
      <c r="A643" s="6" t="s">
        <v>2014</v>
      </c>
      <c r="B643" s="6" t="s">
        <v>454</v>
      </c>
      <c r="C643" s="7" t="s">
        <v>2117</v>
      </c>
      <c r="D643" s="6" t="s">
        <v>427</v>
      </c>
      <c r="E643" s="7" t="s">
        <v>2118</v>
      </c>
    </row>
    <row r="644" spans="1:5" s="8" customFormat="1" ht="28.5" customHeight="1" x14ac:dyDescent="0.15">
      <c r="A644" s="6" t="s">
        <v>2014</v>
      </c>
      <c r="B644" s="6" t="s">
        <v>455</v>
      </c>
      <c r="C644" s="7" t="s">
        <v>2119</v>
      </c>
      <c r="D644" s="6" t="s">
        <v>440</v>
      </c>
      <c r="E644" s="7" t="s">
        <v>2120</v>
      </c>
    </row>
    <row r="645" spans="1:5" s="8" customFormat="1" ht="28.5" customHeight="1" x14ac:dyDescent="0.15">
      <c r="A645" s="6" t="s">
        <v>2014</v>
      </c>
      <c r="B645" s="6" t="s">
        <v>456</v>
      </c>
      <c r="C645" s="7" t="s">
        <v>2121</v>
      </c>
      <c r="D645" s="6" t="s">
        <v>12</v>
      </c>
      <c r="E645" s="7" t="s">
        <v>2122</v>
      </c>
    </row>
    <row r="646" spans="1:5" s="8" customFormat="1" ht="28.5" customHeight="1" x14ac:dyDescent="0.15">
      <c r="A646" s="6" t="s">
        <v>2014</v>
      </c>
      <c r="B646" s="6" t="s">
        <v>2123</v>
      </c>
      <c r="C646" s="7" t="s">
        <v>2124</v>
      </c>
      <c r="D646" s="6" t="s">
        <v>419</v>
      </c>
      <c r="E646" s="7" t="s">
        <v>2125</v>
      </c>
    </row>
    <row r="647" spans="1:5" s="8" customFormat="1" ht="28.5" customHeight="1" x14ac:dyDescent="0.15">
      <c r="A647" s="6" t="s">
        <v>2014</v>
      </c>
      <c r="B647" s="6" t="s">
        <v>457</v>
      </c>
      <c r="C647" s="7" t="s">
        <v>2126</v>
      </c>
      <c r="D647" s="6" t="s">
        <v>421</v>
      </c>
      <c r="E647" s="7" t="s">
        <v>2127</v>
      </c>
    </row>
    <row r="648" spans="1:5" s="8" customFormat="1" ht="28.5" customHeight="1" x14ac:dyDescent="0.15">
      <c r="A648" s="6" t="s">
        <v>2128</v>
      </c>
      <c r="B648" s="6" t="s">
        <v>2129</v>
      </c>
      <c r="C648" s="7" t="s">
        <v>3411</v>
      </c>
      <c r="D648" s="6" t="s">
        <v>440</v>
      </c>
      <c r="E648" s="7" t="s">
        <v>2130</v>
      </c>
    </row>
    <row r="649" spans="1:5" s="8" customFormat="1" ht="28.5" customHeight="1" x14ac:dyDescent="0.15">
      <c r="A649" s="6" t="s">
        <v>2014</v>
      </c>
      <c r="B649" s="6" t="s">
        <v>2131</v>
      </c>
      <c r="C649" s="7" t="s">
        <v>2132</v>
      </c>
      <c r="D649" s="6" t="s">
        <v>2133</v>
      </c>
      <c r="E649" s="7" t="s">
        <v>2134</v>
      </c>
    </row>
    <row r="650" spans="1:5" s="8" customFormat="1" ht="28.5" customHeight="1" x14ac:dyDescent="0.15">
      <c r="A650" s="6" t="s">
        <v>2135</v>
      </c>
      <c r="B650" s="6" t="s">
        <v>2136</v>
      </c>
      <c r="C650" s="7" t="s">
        <v>2137</v>
      </c>
      <c r="D650" s="6" t="s">
        <v>421</v>
      </c>
      <c r="E650" s="7" t="s">
        <v>2138</v>
      </c>
    </row>
    <row r="651" spans="1:5" s="8" customFormat="1" ht="28.5" customHeight="1" x14ac:dyDescent="0.15">
      <c r="A651" s="6" t="s">
        <v>2135</v>
      </c>
      <c r="B651" s="6" t="s">
        <v>2139</v>
      </c>
      <c r="C651" s="7" t="s">
        <v>2140</v>
      </c>
      <c r="D651" s="6" t="s">
        <v>417</v>
      </c>
      <c r="E651" s="7" t="s">
        <v>2141</v>
      </c>
    </row>
    <row r="652" spans="1:5" s="8" customFormat="1" ht="28.5" customHeight="1" x14ac:dyDescent="0.15">
      <c r="A652" s="6" t="s">
        <v>2014</v>
      </c>
      <c r="B652" s="6" t="s">
        <v>2142</v>
      </c>
      <c r="C652" s="7" t="s">
        <v>2143</v>
      </c>
      <c r="D652" s="6" t="s">
        <v>436</v>
      </c>
      <c r="E652" s="7" t="s">
        <v>3416</v>
      </c>
    </row>
    <row r="653" spans="1:5" s="8" customFormat="1" ht="28.5" customHeight="1" x14ac:dyDescent="0.15">
      <c r="A653" s="6" t="s">
        <v>2144</v>
      </c>
      <c r="B653" s="6">
        <v>1500074</v>
      </c>
      <c r="C653" s="7" t="s">
        <v>2145</v>
      </c>
      <c r="D653" s="6" t="s">
        <v>458</v>
      </c>
      <c r="E653" s="7" t="s">
        <v>2146</v>
      </c>
    </row>
    <row r="654" spans="1:5" s="8" customFormat="1" ht="28.5" customHeight="1" x14ac:dyDescent="0.15">
      <c r="A654" s="6" t="s">
        <v>2144</v>
      </c>
      <c r="B654" s="6">
        <v>1500173</v>
      </c>
      <c r="C654" s="7" t="s">
        <v>2147</v>
      </c>
      <c r="D654" s="6" t="s">
        <v>459</v>
      </c>
      <c r="E654" s="7" t="s">
        <v>2148</v>
      </c>
    </row>
    <row r="655" spans="1:5" s="8" customFormat="1" ht="28.5" customHeight="1" x14ac:dyDescent="0.15">
      <c r="A655" s="6" t="s">
        <v>2144</v>
      </c>
      <c r="B655" s="6">
        <v>1500710</v>
      </c>
      <c r="C655" s="7" t="s">
        <v>2149</v>
      </c>
      <c r="D655" s="6" t="s">
        <v>458</v>
      </c>
      <c r="E655" s="7" t="s">
        <v>2150</v>
      </c>
    </row>
    <row r="656" spans="1:5" s="8" customFormat="1" ht="28.5" customHeight="1" x14ac:dyDescent="0.15">
      <c r="A656" s="6" t="s">
        <v>2144</v>
      </c>
      <c r="B656" s="6">
        <v>1500777</v>
      </c>
      <c r="C656" s="7" t="s">
        <v>2151</v>
      </c>
      <c r="D656" s="6" t="s">
        <v>13</v>
      </c>
      <c r="E656" s="7" t="s">
        <v>2152</v>
      </c>
    </row>
    <row r="657" spans="1:5" s="8" customFormat="1" ht="28.5" customHeight="1" x14ac:dyDescent="0.15">
      <c r="A657" s="6" t="s">
        <v>2144</v>
      </c>
      <c r="B657" s="6">
        <v>1500843</v>
      </c>
      <c r="C657" s="7" t="s">
        <v>460</v>
      </c>
      <c r="D657" s="6" t="s">
        <v>461</v>
      </c>
      <c r="E657" s="7" t="s">
        <v>2153</v>
      </c>
    </row>
    <row r="658" spans="1:5" s="8" customFormat="1" ht="28.5" customHeight="1" x14ac:dyDescent="0.15">
      <c r="A658" s="6" t="s">
        <v>2144</v>
      </c>
      <c r="B658" s="6">
        <v>1500926</v>
      </c>
      <c r="C658" s="7" t="s">
        <v>2154</v>
      </c>
      <c r="D658" s="6" t="s">
        <v>461</v>
      </c>
      <c r="E658" s="7" t="s">
        <v>2155</v>
      </c>
    </row>
    <row r="659" spans="1:5" s="8" customFormat="1" ht="28.5" customHeight="1" x14ac:dyDescent="0.15">
      <c r="A659" s="6" t="s">
        <v>2144</v>
      </c>
      <c r="B659" s="6">
        <v>1501171</v>
      </c>
      <c r="C659" s="7" t="s">
        <v>2156</v>
      </c>
      <c r="D659" s="6" t="s">
        <v>462</v>
      </c>
      <c r="E659" s="7" t="s">
        <v>2157</v>
      </c>
    </row>
    <row r="660" spans="1:5" s="8" customFormat="1" ht="28.5" customHeight="1" x14ac:dyDescent="0.15">
      <c r="A660" s="6" t="s">
        <v>2144</v>
      </c>
      <c r="B660" s="6">
        <v>1501189</v>
      </c>
      <c r="C660" s="7" t="s">
        <v>2158</v>
      </c>
      <c r="D660" s="6" t="s">
        <v>13</v>
      </c>
      <c r="E660" s="7" t="s">
        <v>2159</v>
      </c>
    </row>
    <row r="661" spans="1:5" s="8" customFormat="1" ht="28.5" customHeight="1" x14ac:dyDescent="0.15">
      <c r="A661" s="6" t="s">
        <v>2144</v>
      </c>
      <c r="B661" s="6">
        <v>1501221</v>
      </c>
      <c r="C661" s="7" t="s">
        <v>2160</v>
      </c>
      <c r="D661" s="6" t="s">
        <v>461</v>
      </c>
      <c r="E661" s="7" t="s">
        <v>2161</v>
      </c>
    </row>
    <row r="662" spans="1:5" s="8" customFormat="1" ht="28.5" customHeight="1" x14ac:dyDescent="0.15">
      <c r="A662" s="6" t="s">
        <v>2144</v>
      </c>
      <c r="B662" s="6">
        <v>1501247</v>
      </c>
      <c r="C662" s="7" t="s">
        <v>2162</v>
      </c>
      <c r="D662" s="6" t="s">
        <v>463</v>
      </c>
      <c r="E662" s="7" t="s">
        <v>2163</v>
      </c>
    </row>
    <row r="663" spans="1:5" s="8" customFormat="1" ht="28.5" customHeight="1" x14ac:dyDescent="0.15">
      <c r="A663" s="6" t="s">
        <v>2144</v>
      </c>
      <c r="B663" s="6">
        <v>1501346</v>
      </c>
      <c r="C663" s="7" t="s">
        <v>2164</v>
      </c>
      <c r="D663" s="6" t="s">
        <v>464</v>
      </c>
      <c r="E663" s="7" t="s">
        <v>2165</v>
      </c>
    </row>
    <row r="664" spans="1:5" s="8" customFormat="1" ht="28.5" customHeight="1" x14ac:dyDescent="0.15">
      <c r="A664" s="6" t="s">
        <v>2144</v>
      </c>
      <c r="B664" s="6">
        <v>1501502</v>
      </c>
      <c r="C664" s="7" t="s">
        <v>1195</v>
      </c>
      <c r="D664" s="6" t="s">
        <v>465</v>
      </c>
      <c r="E664" s="7" t="s">
        <v>2166</v>
      </c>
    </row>
    <row r="665" spans="1:5" s="8" customFormat="1" ht="28.5" customHeight="1" x14ac:dyDescent="0.15">
      <c r="A665" s="6" t="s">
        <v>2144</v>
      </c>
      <c r="B665" s="6">
        <v>1501510</v>
      </c>
      <c r="C665" s="7" t="s">
        <v>2167</v>
      </c>
      <c r="D665" s="6" t="s">
        <v>463</v>
      </c>
      <c r="E665" s="7" t="s">
        <v>2168</v>
      </c>
    </row>
    <row r="666" spans="1:5" s="8" customFormat="1" ht="28.5" customHeight="1" x14ac:dyDescent="0.15">
      <c r="A666" s="6" t="s">
        <v>2144</v>
      </c>
      <c r="B666" s="6">
        <v>1501536</v>
      </c>
      <c r="C666" s="7" t="s">
        <v>2169</v>
      </c>
      <c r="D666" s="6" t="s">
        <v>13</v>
      </c>
      <c r="E666" s="7" t="s">
        <v>2170</v>
      </c>
    </row>
    <row r="667" spans="1:5" s="8" customFormat="1" ht="28.5" customHeight="1" x14ac:dyDescent="0.15">
      <c r="A667" s="6" t="s">
        <v>2144</v>
      </c>
      <c r="B667" s="6">
        <v>1501551</v>
      </c>
      <c r="C667" s="7" t="s">
        <v>2171</v>
      </c>
      <c r="D667" s="6" t="s">
        <v>464</v>
      </c>
      <c r="E667" s="7" t="s">
        <v>2172</v>
      </c>
    </row>
    <row r="668" spans="1:5" s="8" customFormat="1" ht="28.5" customHeight="1" x14ac:dyDescent="0.15">
      <c r="A668" s="6" t="s">
        <v>2144</v>
      </c>
      <c r="B668" s="6">
        <v>1501601</v>
      </c>
      <c r="C668" s="7" t="s">
        <v>2173</v>
      </c>
      <c r="D668" s="6" t="s">
        <v>466</v>
      </c>
      <c r="E668" s="7" t="s">
        <v>2174</v>
      </c>
    </row>
    <row r="669" spans="1:5" s="8" customFormat="1" ht="28.5" customHeight="1" x14ac:dyDescent="0.15">
      <c r="A669" s="6" t="s">
        <v>2144</v>
      </c>
      <c r="B669" s="6">
        <v>1501619</v>
      </c>
      <c r="C669" s="7" t="s">
        <v>2175</v>
      </c>
      <c r="D669" s="6" t="s">
        <v>463</v>
      </c>
      <c r="E669" s="7" t="s">
        <v>2176</v>
      </c>
    </row>
    <row r="670" spans="1:5" s="8" customFormat="1" ht="28.5" customHeight="1" x14ac:dyDescent="0.15">
      <c r="A670" s="6" t="s">
        <v>2144</v>
      </c>
      <c r="B670" s="6">
        <v>1501627</v>
      </c>
      <c r="C670" s="7" t="s">
        <v>2177</v>
      </c>
      <c r="D670" s="6" t="s">
        <v>13</v>
      </c>
      <c r="E670" s="7" t="s">
        <v>2178</v>
      </c>
    </row>
    <row r="671" spans="1:5" s="8" customFormat="1" ht="28.5" customHeight="1" x14ac:dyDescent="0.15">
      <c r="A671" s="6" t="s">
        <v>2144</v>
      </c>
      <c r="B671" s="6">
        <v>1501692</v>
      </c>
      <c r="C671" s="7" t="s">
        <v>1012</v>
      </c>
      <c r="D671" s="6" t="s">
        <v>463</v>
      </c>
      <c r="E671" s="7" t="s">
        <v>2179</v>
      </c>
    </row>
    <row r="672" spans="1:5" s="8" customFormat="1" ht="28.5" customHeight="1" x14ac:dyDescent="0.15">
      <c r="A672" s="6" t="s">
        <v>2144</v>
      </c>
      <c r="B672" s="6">
        <v>1501718</v>
      </c>
      <c r="C672" s="7" t="s">
        <v>2180</v>
      </c>
      <c r="D672" s="6" t="s">
        <v>462</v>
      </c>
      <c r="E672" s="7" t="s">
        <v>2181</v>
      </c>
    </row>
    <row r="673" spans="1:5" s="8" customFormat="1" ht="28.5" customHeight="1" x14ac:dyDescent="0.15">
      <c r="A673" s="6" t="s">
        <v>2144</v>
      </c>
      <c r="B673" s="6">
        <v>1501726</v>
      </c>
      <c r="C673" s="7" t="s">
        <v>2182</v>
      </c>
      <c r="D673" s="6" t="s">
        <v>461</v>
      </c>
      <c r="E673" s="7" t="s">
        <v>2183</v>
      </c>
    </row>
    <row r="674" spans="1:5" s="8" customFormat="1" ht="28.5" customHeight="1" x14ac:dyDescent="0.15">
      <c r="A674" s="6" t="s">
        <v>2144</v>
      </c>
      <c r="B674" s="6">
        <v>1501734</v>
      </c>
      <c r="C674" s="7" t="s">
        <v>1585</v>
      </c>
      <c r="D674" s="6" t="s">
        <v>461</v>
      </c>
      <c r="E674" s="7" t="s">
        <v>2184</v>
      </c>
    </row>
    <row r="675" spans="1:5" s="8" customFormat="1" ht="28.5" customHeight="1" x14ac:dyDescent="0.15">
      <c r="A675" s="6" t="s">
        <v>2144</v>
      </c>
      <c r="B675" s="6">
        <v>1501775</v>
      </c>
      <c r="C675" s="7" t="s">
        <v>2185</v>
      </c>
      <c r="D675" s="6" t="s">
        <v>463</v>
      </c>
      <c r="E675" s="7" t="s">
        <v>2186</v>
      </c>
    </row>
    <row r="676" spans="1:5" s="8" customFormat="1" ht="28.5" customHeight="1" x14ac:dyDescent="0.15">
      <c r="A676" s="6" t="s">
        <v>2144</v>
      </c>
      <c r="B676" s="6">
        <v>1501833</v>
      </c>
      <c r="C676" s="7" t="s">
        <v>2187</v>
      </c>
      <c r="D676" s="6" t="s">
        <v>466</v>
      </c>
      <c r="E676" s="7" t="s">
        <v>2188</v>
      </c>
    </row>
    <row r="677" spans="1:5" s="8" customFormat="1" ht="28.5" customHeight="1" x14ac:dyDescent="0.15">
      <c r="A677" s="6" t="s">
        <v>2144</v>
      </c>
      <c r="B677" s="6" t="s">
        <v>467</v>
      </c>
      <c r="C677" s="7" t="s">
        <v>2189</v>
      </c>
      <c r="D677" s="6" t="s">
        <v>468</v>
      </c>
      <c r="E677" s="7" t="s">
        <v>2190</v>
      </c>
    </row>
    <row r="678" spans="1:5" s="8" customFormat="1" ht="28.5" customHeight="1" x14ac:dyDescent="0.15">
      <c r="A678" s="6" t="s">
        <v>2144</v>
      </c>
      <c r="B678" s="6">
        <v>1501866</v>
      </c>
      <c r="C678" s="7" t="s">
        <v>2191</v>
      </c>
      <c r="D678" s="6" t="s">
        <v>461</v>
      </c>
      <c r="E678" s="7" t="s">
        <v>2192</v>
      </c>
    </row>
    <row r="679" spans="1:5" s="8" customFormat="1" ht="28.5" customHeight="1" x14ac:dyDescent="0.15">
      <c r="A679" s="6" t="s">
        <v>2144</v>
      </c>
      <c r="B679" s="6">
        <v>1501874</v>
      </c>
      <c r="C679" s="7" t="s">
        <v>2193</v>
      </c>
      <c r="D679" s="6" t="s">
        <v>459</v>
      </c>
      <c r="E679" s="7" t="s">
        <v>2194</v>
      </c>
    </row>
    <row r="680" spans="1:5" s="8" customFormat="1" ht="28.5" customHeight="1" x14ac:dyDescent="0.15">
      <c r="A680" s="6" t="s">
        <v>2144</v>
      </c>
      <c r="B680" s="6">
        <v>1501916</v>
      </c>
      <c r="C680" s="7" t="s">
        <v>2195</v>
      </c>
      <c r="D680" s="6" t="s">
        <v>463</v>
      </c>
      <c r="E680" s="7" t="s">
        <v>2196</v>
      </c>
    </row>
    <row r="681" spans="1:5" s="8" customFormat="1" ht="28.5" customHeight="1" x14ac:dyDescent="0.15">
      <c r="A681" s="6" t="s">
        <v>2144</v>
      </c>
      <c r="B681" s="6" t="s">
        <v>2197</v>
      </c>
      <c r="C681" s="7" t="s">
        <v>2198</v>
      </c>
      <c r="D681" s="6" t="s">
        <v>461</v>
      </c>
      <c r="E681" s="7" t="s">
        <v>2199</v>
      </c>
    </row>
    <row r="682" spans="1:5" s="8" customFormat="1" ht="28.5" customHeight="1" x14ac:dyDescent="0.15">
      <c r="A682" s="6" t="s">
        <v>2144</v>
      </c>
      <c r="B682" s="6" t="s">
        <v>469</v>
      </c>
      <c r="C682" s="7" t="s">
        <v>1243</v>
      </c>
      <c r="D682" s="6" t="s">
        <v>466</v>
      </c>
      <c r="E682" s="7" t="s">
        <v>2200</v>
      </c>
    </row>
    <row r="683" spans="1:5" s="8" customFormat="1" ht="28.5" customHeight="1" x14ac:dyDescent="0.15">
      <c r="A683" s="6" t="s">
        <v>2144</v>
      </c>
      <c r="B683" s="6" t="s">
        <v>470</v>
      </c>
      <c r="C683" s="7" t="s">
        <v>2201</v>
      </c>
      <c r="D683" s="6" t="s">
        <v>462</v>
      </c>
      <c r="E683" s="7" t="s">
        <v>2202</v>
      </c>
    </row>
    <row r="684" spans="1:5" s="8" customFormat="1" ht="28.5" customHeight="1" x14ac:dyDescent="0.15">
      <c r="A684" s="6" t="s">
        <v>2144</v>
      </c>
      <c r="B684" s="6">
        <v>1501965</v>
      </c>
      <c r="C684" s="7" t="s">
        <v>2203</v>
      </c>
      <c r="D684" s="6" t="s">
        <v>458</v>
      </c>
      <c r="E684" s="7" t="s">
        <v>2204</v>
      </c>
    </row>
    <row r="685" spans="1:5" s="8" customFormat="1" ht="28.5" customHeight="1" x14ac:dyDescent="0.15">
      <c r="A685" s="6" t="s">
        <v>2144</v>
      </c>
      <c r="B685" s="6">
        <v>1501999</v>
      </c>
      <c r="C685" s="7" t="s">
        <v>2205</v>
      </c>
      <c r="D685" s="6" t="s">
        <v>462</v>
      </c>
      <c r="E685" s="7" t="s">
        <v>2206</v>
      </c>
    </row>
    <row r="686" spans="1:5" s="8" customFormat="1" ht="28.5" customHeight="1" x14ac:dyDescent="0.15">
      <c r="A686" s="6" t="s">
        <v>2144</v>
      </c>
      <c r="B686" s="6">
        <v>1502005</v>
      </c>
      <c r="C686" s="7" t="s">
        <v>2207</v>
      </c>
      <c r="D686" s="6" t="s">
        <v>464</v>
      </c>
      <c r="E686" s="7" t="s">
        <v>2208</v>
      </c>
    </row>
    <row r="687" spans="1:5" s="8" customFormat="1" ht="28.5" customHeight="1" x14ac:dyDescent="0.15">
      <c r="A687" s="6" t="s">
        <v>2144</v>
      </c>
      <c r="B687" s="6">
        <v>1502039</v>
      </c>
      <c r="C687" s="7" t="s">
        <v>2209</v>
      </c>
      <c r="D687" s="6" t="s">
        <v>471</v>
      </c>
      <c r="E687" s="7" t="s">
        <v>2210</v>
      </c>
    </row>
    <row r="688" spans="1:5" s="8" customFormat="1" ht="28.5" customHeight="1" x14ac:dyDescent="0.15">
      <c r="A688" s="6" t="s">
        <v>2144</v>
      </c>
      <c r="B688" s="6" t="s">
        <v>472</v>
      </c>
      <c r="C688" s="7" t="s">
        <v>2211</v>
      </c>
      <c r="D688" s="6" t="s">
        <v>473</v>
      </c>
      <c r="E688" s="7" t="s">
        <v>2212</v>
      </c>
    </row>
    <row r="689" spans="1:5" s="8" customFormat="1" ht="28.5" customHeight="1" x14ac:dyDescent="0.15">
      <c r="A689" s="6" t="s">
        <v>2144</v>
      </c>
      <c r="B689" s="6" t="s">
        <v>474</v>
      </c>
      <c r="C689" s="7" t="s">
        <v>2213</v>
      </c>
      <c r="D689" s="6" t="s">
        <v>475</v>
      </c>
      <c r="E689" s="7" t="s">
        <v>2214</v>
      </c>
    </row>
    <row r="690" spans="1:5" s="8" customFormat="1" ht="28.5" customHeight="1" x14ac:dyDescent="0.15">
      <c r="A690" s="6" t="s">
        <v>2144</v>
      </c>
      <c r="B690" s="6" t="s">
        <v>476</v>
      </c>
      <c r="C690" s="7" t="s">
        <v>2215</v>
      </c>
      <c r="D690" s="6" t="s">
        <v>464</v>
      </c>
      <c r="E690" s="7" t="s">
        <v>2216</v>
      </c>
    </row>
    <row r="691" spans="1:5" s="8" customFormat="1" ht="28.5" customHeight="1" x14ac:dyDescent="0.15">
      <c r="A691" s="6" t="s">
        <v>2144</v>
      </c>
      <c r="B691" s="6" t="s">
        <v>477</v>
      </c>
      <c r="C691" s="7" t="s">
        <v>2217</v>
      </c>
      <c r="D691" s="6" t="s">
        <v>475</v>
      </c>
      <c r="E691" s="7" t="s">
        <v>2218</v>
      </c>
    </row>
    <row r="692" spans="1:5" s="8" customFormat="1" ht="28.5" customHeight="1" x14ac:dyDescent="0.15">
      <c r="A692" s="6" t="s">
        <v>2144</v>
      </c>
      <c r="B692" s="6">
        <v>1502138</v>
      </c>
      <c r="C692" s="7" t="s">
        <v>2219</v>
      </c>
      <c r="D692" s="6" t="s">
        <v>466</v>
      </c>
      <c r="E692" s="7" t="s">
        <v>2220</v>
      </c>
    </row>
    <row r="693" spans="1:5" s="8" customFormat="1" ht="28.5" customHeight="1" x14ac:dyDescent="0.15">
      <c r="A693" s="6" t="s">
        <v>2144</v>
      </c>
      <c r="B693" s="6">
        <v>1502146</v>
      </c>
      <c r="C693" s="7" t="s">
        <v>2221</v>
      </c>
      <c r="D693" s="6" t="s">
        <v>462</v>
      </c>
      <c r="E693" s="7" t="s">
        <v>2222</v>
      </c>
    </row>
    <row r="694" spans="1:5" s="8" customFormat="1" ht="28.5" customHeight="1" x14ac:dyDescent="0.15">
      <c r="A694" s="6" t="s">
        <v>2144</v>
      </c>
      <c r="B694" s="6">
        <v>1502187</v>
      </c>
      <c r="C694" s="7" t="s">
        <v>1870</v>
      </c>
      <c r="D694" s="6" t="s">
        <v>462</v>
      </c>
      <c r="E694" s="7" t="s">
        <v>2223</v>
      </c>
    </row>
    <row r="695" spans="1:5" s="8" customFormat="1" ht="28.5" customHeight="1" x14ac:dyDescent="0.15">
      <c r="A695" s="6" t="s">
        <v>2144</v>
      </c>
      <c r="B695" s="6">
        <v>1502195</v>
      </c>
      <c r="C695" s="7" t="s">
        <v>2224</v>
      </c>
      <c r="D695" s="6" t="s">
        <v>473</v>
      </c>
      <c r="E695" s="7" t="s">
        <v>2225</v>
      </c>
    </row>
    <row r="696" spans="1:5" s="8" customFormat="1" ht="28.5" customHeight="1" x14ac:dyDescent="0.15">
      <c r="A696" s="6" t="s">
        <v>2144</v>
      </c>
      <c r="B696" s="6" t="s">
        <v>478</v>
      </c>
      <c r="C696" s="7" t="s">
        <v>2226</v>
      </c>
      <c r="D696" s="6" t="s">
        <v>464</v>
      </c>
      <c r="E696" s="7" t="s">
        <v>2227</v>
      </c>
    </row>
    <row r="697" spans="1:5" s="8" customFormat="1" ht="28.5" customHeight="1" x14ac:dyDescent="0.15">
      <c r="A697" s="6" t="s">
        <v>2144</v>
      </c>
      <c r="B697" s="6" t="s">
        <v>479</v>
      </c>
      <c r="C697" s="7" t="s">
        <v>2228</v>
      </c>
      <c r="D697" s="6" t="s">
        <v>466</v>
      </c>
      <c r="E697" s="7" t="s">
        <v>2229</v>
      </c>
    </row>
    <row r="698" spans="1:5" s="8" customFormat="1" ht="28.5" customHeight="1" x14ac:dyDescent="0.15">
      <c r="A698" s="6" t="s">
        <v>2144</v>
      </c>
      <c r="B698" s="6" t="s">
        <v>480</v>
      </c>
      <c r="C698" s="7" t="s">
        <v>2230</v>
      </c>
      <c r="D698" s="6" t="s">
        <v>468</v>
      </c>
      <c r="E698" s="7" t="s">
        <v>2231</v>
      </c>
    </row>
    <row r="699" spans="1:5" s="8" customFormat="1" ht="28.5" customHeight="1" x14ac:dyDescent="0.15">
      <c r="A699" s="6" t="s">
        <v>2144</v>
      </c>
      <c r="B699" s="6">
        <v>1502260</v>
      </c>
      <c r="C699" s="7" t="s">
        <v>2232</v>
      </c>
      <c r="D699" s="6" t="s">
        <v>461</v>
      </c>
      <c r="E699" s="7" t="s">
        <v>2233</v>
      </c>
    </row>
    <row r="700" spans="1:5" s="8" customFormat="1" ht="28.5" customHeight="1" x14ac:dyDescent="0.15">
      <c r="A700" s="6" t="s">
        <v>2144</v>
      </c>
      <c r="B700" s="6" t="s">
        <v>481</v>
      </c>
      <c r="C700" s="7" t="s">
        <v>2234</v>
      </c>
      <c r="D700" s="6" t="s">
        <v>463</v>
      </c>
      <c r="E700" s="7" t="s">
        <v>2235</v>
      </c>
    </row>
    <row r="701" spans="1:5" s="8" customFormat="1" ht="28.5" customHeight="1" x14ac:dyDescent="0.15">
      <c r="A701" s="6" t="s">
        <v>2144</v>
      </c>
      <c r="B701" s="6">
        <v>1502302</v>
      </c>
      <c r="C701" s="7" t="s">
        <v>2236</v>
      </c>
      <c r="D701" s="6" t="s">
        <v>466</v>
      </c>
      <c r="E701" s="7" t="s">
        <v>2237</v>
      </c>
    </row>
    <row r="702" spans="1:5" s="8" customFormat="1" ht="28.5" customHeight="1" x14ac:dyDescent="0.15">
      <c r="A702" s="6" t="s">
        <v>2144</v>
      </c>
      <c r="B702" s="6" t="s">
        <v>482</v>
      </c>
      <c r="C702" s="7" t="s">
        <v>2238</v>
      </c>
      <c r="D702" s="6" t="s">
        <v>466</v>
      </c>
      <c r="E702" s="7" t="s">
        <v>2239</v>
      </c>
    </row>
    <row r="703" spans="1:5" s="8" customFormat="1" ht="28.5" customHeight="1" x14ac:dyDescent="0.15">
      <c r="A703" s="6" t="s">
        <v>2240</v>
      </c>
      <c r="B703" s="6" t="s">
        <v>2241</v>
      </c>
      <c r="C703" s="7" t="s">
        <v>2242</v>
      </c>
      <c r="D703" s="6" t="s">
        <v>13</v>
      </c>
      <c r="E703" s="7" t="s">
        <v>2243</v>
      </c>
    </row>
    <row r="704" spans="1:5" s="8" customFormat="1" ht="28.5" customHeight="1" x14ac:dyDescent="0.15">
      <c r="A704" s="6" t="s">
        <v>2240</v>
      </c>
      <c r="B704" s="6" t="s">
        <v>2244</v>
      </c>
      <c r="C704" s="7" t="s">
        <v>2245</v>
      </c>
      <c r="D704" s="6" t="s">
        <v>459</v>
      </c>
      <c r="E704" s="7" t="s">
        <v>2246</v>
      </c>
    </row>
    <row r="705" spans="1:5" s="8" customFormat="1" ht="28.5" customHeight="1" x14ac:dyDescent="0.15">
      <c r="A705" s="6" t="s">
        <v>2144</v>
      </c>
      <c r="B705" s="6" t="s">
        <v>2247</v>
      </c>
      <c r="C705" s="7" t="s">
        <v>1696</v>
      </c>
      <c r="D705" s="6" t="s">
        <v>465</v>
      </c>
      <c r="E705" s="7" t="s">
        <v>2248</v>
      </c>
    </row>
    <row r="706" spans="1:5" s="8" customFormat="1" ht="28.5" customHeight="1" x14ac:dyDescent="0.15">
      <c r="A706" s="6" t="s">
        <v>2249</v>
      </c>
      <c r="B706" s="6">
        <v>2201748</v>
      </c>
      <c r="C706" s="7" t="s">
        <v>2250</v>
      </c>
      <c r="D706" s="6" t="s">
        <v>15</v>
      </c>
      <c r="E706" s="7" t="s">
        <v>2251</v>
      </c>
    </row>
    <row r="707" spans="1:5" s="8" customFormat="1" ht="28.5" customHeight="1" x14ac:dyDescent="0.15">
      <c r="A707" s="6" t="s">
        <v>2249</v>
      </c>
      <c r="B707" s="6">
        <v>2201789</v>
      </c>
      <c r="C707" s="7" t="s">
        <v>2252</v>
      </c>
      <c r="D707" s="6" t="s">
        <v>485</v>
      </c>
      <c r="E707" s="7" t="s">
        <v>2253</v>
      </c>
    </row>
    <row r="708" spans="1:5" s="8" customFormat="1" ht="28.5" customHeight="1" x14ac:dyDescent="0.15">
      <c r="A708" s="6" t="s">
        <v>2249</v>
      </c>
      <c r="B708" s="6">
        <v>2201854</v>
      </c>
      <c r="C708" s="7" t="s">
        <v>2254</v>
      </c>
      <c r="D708" s="6" t="s">
        <v>486</v>
      </c>
      <c r="E708" s="7" t="s">
        <v>2255</v>
      </c>
    </row>
    <row r="709" spans="1:5" s="8" customFormat="1" ht="28.5" customHeight="1" x14ac:dyDescent="0.15">
      <c r="A709" s="6" t="s">
        <v>2249</v>
      </c>
      <c r="B709" s="6">
        <v>2201912</v>
      </c>
      <c r="C709" s="7" t="s">
        <v>2256</v>
      </c>
      <c r="D709" s="6" t="s">
        <v>487</v>
      </c>
      <c r="E709" s="7" t="s">
        <v>2257</v>
      </c>
    </row>
    <row r="710" spans="1:5" s="8" customFormat="1" ht="28.5" customHeight="1" x14ac:dyDescent="0.15">
      <c r="A710" s="6" t="s">
        <v>2249</v>
      </c>
      <c r="B710" s="6">
        <v>2202175</v>
      </c>
      <c r="C710" s="7" t="s">
        <v>2258</v>
      </c>
      <c r="D710" s="6" t="s">
        <v>485</v>
      </c>
      <c r="E710" s="7" t="s">
        <v>2259</v>
      </c>
    </row>
    <row r="711" spans="1:5" s="8" customFormat="1" ht="28.5" customHeight="1" x14ac:dyDescent="0.15">
      <c r="A711" s="6" t="s">
        <v>2249</v>
      </c>
      <c r="B711" s="6">
        <v>2202233</v>
      </c>
      <c r="C711" s="7" t="s">
        <v>1651</v>
      </c>
      <c r="D711" s="6" t="s">
        <v>489</v>
      </c>
      <c r="E711" s="7" t="s">
        <v>2260</v>
      </c>
    </row>
    <row r="712" spans="1:5" s="8" customFormat="1" ht="28.5" customHeight="1" x14ac:dyDescent="0.15">
      <c r="A712" s="6" t="s">
        <v>2249</v>
      </c>
      <c r="B712" s="6">
        <v>2202340</v>
      </c>
      <c r="C712" s="7" t="s">
        <v>2261</v>
      </c>
      <c r="D712" s="6" t="s">
        <v>14</v>
      </c>
      <c r="E712" s="7" t="s">
        <v>2262</v>
      </c>
    </row>
    <row r="713" spans="1:5" s="8" customFormat="1" ht="28.5" customHeight="1" x14ac:dyDescent="0.15">
      <c r="A713" s="6" t="s">
        <v>2249</v>
      </c>
      <c r="B713" s="6">
        <v>2202365</v>
      </c>
      <c r="C713" s="7" t="s">
        <v>2263</v>
      </c>
      <c r="D713" s="6" t="s">
        <v>491</v>
      </c>
      <c r="E713" s="7" t="s">
        <v>2264</v>
      </c>
    </row>
    <row r="714" spans="1:5" s="8" customFormat="1" ht="28.5" customHeight="1" x14ac:dyDescent="0.15">
      <c r="A714" s="6" t="s">
        <v>2249</v>
      </c>
      <c r="B714" s="6">
        <v>2202381</v>
      </c>
      <c r="C714" s="7" t="s">
        <v>2265</v>
      </c>
      <c r="D714" s="6" t="s">
        <v>492</v>
      </c>
      <c r="E714" s="7" t="s">
        <v>2266</v>
      </c>
    </row>
    <row r="715" spans="1:5" s="8" customFormat="1" ht="28.5" customHeight="1" x14ac:dyDescent="0.15">
      <c r="A715" s="6" t="s">
        <v>2249</v>
      </c>
      <c r="B715" s="6">
        <v>2202407</v>
      </c>
      <c r="C715" s="7" t="s">
        <v>2267</v>
      </c>
      <c r="D715" s="6" t="s">
        <v>490</v>
      </c>
      <c r="E715" s="7" t="s">
        <v>2268</v>
      </c>
    </row>
    <row r="716" spans="1:5" s="8" customFormat="1" ht="28.5" customHeight="1" x14ac:dyDescent="0.15">
      <c r="A716" s="6" t="s">
        <v>2249</v>
      </c>
      <c r="B716" s="6">
        <v>2202415</v>
      </c>
      <c r="C716" s="7" t="s">
        <v>2269</v>
      </c>
      <c r="D716" s="6" t="s">
        <v>493</v>
      </c>
      <c r="E716" s="7" t="s">
        <v>2270</v>
      </c>
    </row>
    <row r="717" spans="1:5" s="8" customFormat="1" ht="28.5" customHeight="1" x14ac:dyDescent="0.15">
      <c r="A717" s="6" t="s">
        <v>2249</v>
      </c>
      <c r="B717" s="6">
        <v>2202431</v>
      </c>
      <c r="C717" s="7" t="s">
        <v>2271</v>
      </c>
      <c r="D717" s="6" t="s">
        <v>488</v>
      </c>
      <c r="E717" s="7" t="s">
        <v>2272</v>
      </c>
    </row>
    <row r="718" spans="1:5" s="8" customFormat="1" ht="28.5" customHeight="1" x14ac:dyDescent="0.15">
      <c r="A718" s="6" t="s">
        <v>2249</v>
      </c>
      <c r="B718" s="6">
        <v>2202480</v>
      </c>
      <c r="C718" s="7" t="s">
        <v>932</v>
      </c>
      <c r="D718" s="6" t="s">
        <v>15</v>
      </c>
      <c r="E718" s="7" t="s">
        <v>2273</v>
      </c>
    </row>
    <row r="719" spans="1:5" s="8" customFormat="1" ht="28.5" customHeight="1" x14ac:dyDescent="0.15">
      <c r="A719" s="6" t="s">
        <v>2249</v>
      </c>
      <c r="B719" s="6">
        <v>2202555</v>
      </c>
      <c r="C719" s="7" t="s">
        <v>2274</v>
      </c>
      <c r="D719" s="6" t="s">
        <v>494</v>
      </c>
      <c r="E719" s="7" t="s">
        <v>2275</v>
      </c>
    </row>
    <row r="720" spans="1:5" s="8" customFormat="1" ht="28.5" customHeight="1" x14ac:dyDescent="0.15">
      <c r="A720" s="6" t="s">
        <v>2249</v>
      </c>
      <c r="B720" s="6">
        <v>2202589</v>
      </c>
      <c r="C720" s="7" t="s">
        <v>2276</v>
      </c>
      <c r="D720" s="6" t="s">
        <v>494</v>
      </c>
      <c r="E720" s="7" t="s">
        <v>2277</v>
      </c>
    </row>
    <row r="721" spans="1:5" s="8" customFormat="1" ht="28.5" customHeight="1" x14ac:dyDescent="0.15">
      <c r="A721" s="6" t="s">
        <v>2249</v>
      </c>
      <c r="B721" s="6">
        <v>2202621</v>
      </c>
      <c r="C721" s="7" t="s">
        <v>1755</v>
      </c>
      <c r="D721" s="6" t="s">
        <v>483</v>
      </c>
      <c r="E721" s="7" t="s">
        <v>2278</v>
      </c>
    </row>
    <row r="722" spans="1:5" s="8" customFormat="1" ht="28.5" customHeight="1" x14ac:dyDescent="0.15">
      <c r="A722" s="6" t="s">
        <v>2249</v>
      </c>
      <c r="B722" s="6">
        <v>2202647</v>
      </c>
      <c r="C722" s="7" t="s">
        <v>2279</v>
      </c>
      <c r="D722" s="6" t="s">
        <v>15</v>
      </c>
      <c r="E722" s="7" t="s">
        <v>2280</v>
      </c>
    </row>
    <row r="723" spans="1:5" s="8" customFormat="1" ht="28.5" customHeight="1" x14ac:dyDescent="0.15">
      <c r="A723" s="6" t="s">
        <v>2249</v>
      </c>
      <c r="B723" s="6">
        <v>2202662</v>
      </c>
      <c r="C723" s="7" t="s">
        <v>2281</v>
      </c>
      <c r="D723" s="6" t="s">
        <v>493</v>
      </c>
      <c r="E723" s="7" t="s">
        <v>2282</v>
      </c>
    </row>
    <row r="724" spans="1:5" s="8" customFormat="1" ht="28.5" customHeight="1" x14ac:dyDescent="0.15">
      <c r="A724" s="6" t="s">
        <v>2249</v>
      </c>
      <c r="B724" s="6">
        <v>2202670</v>
      </c>
      <c r="C724" s="7" t="s">
        <v>2283</v>
      </c>
      <c r="D724" s="6" t="s">
        <v>491</v>
      </c>
      <c r="E724" s="7" t="s">
        <v>2284</v>
      </c>
    </row>
    <row r="725" spans="1:5" s="8" customFormat="1" ht="28.5" customHeight="1" x14ac:dyDescent="0.15">
      <c r="A725" s="6" t="s">
        <v>2249</v>
      </c>
      <c r="B725" s="6">
        <v>2202720</v>
      </c>
      <c r="C725" s="7" t="s">
        <v>2285</v>
      </c>
      <c r="D725" s="6" t="s">
        <v>495</v>
      </c>
      <c r="E725" s="7" t="s">
        <v>2286</v>
      </c>
    </row>
    <row r="726" spans="1:5" s="8" customFormat="1" ht="28.5" customHeight="1" x14ac:dyDescent="0.15">
      <c r="A726" s="6" t="s">
        <v>2249</v>
      </c>
      <c r="B726" s="6">
        <v>2202738</v>
      </c>
      <c r="C726" s="7" t="s">
        <v>1696</v>
      </c>
      <c r="D726" s="6" t="s">
        <v>14</v>
      </c>
      <c r="E726" s="7" t="s">
        <v>2287</v>
      </c>
    </row>
    <row r="727" spans="1:5" s="8" customFormat="1" ht="28.5" customHeight="1" x14ac:dyDescent="0.15">
      <c r="A727" s="6" t="s">
        <v>2249</v>
      </c>
      <c r="B727" s="6">
        <v>2202779</v>
      </c>
      <c r="C727" s="7" t="s">
        <v>1660</v>
      </c>
      <c r="D727" s="6" t="s">
        <v>483</v>
      </c>
      <c r="E727" s="7" t="s">
        <v>2288</v>
      </c>
    </row>
    <row r="728" spans="1:5" s="8" customFormat="1" ht="28.5" customHeight="1" x14ac:dyDescent="0.15">
      <c r="A728" s="6" t="s">
        <v>2249</v>
      </c>
      <c r="B728" s="6">
        <v>2202795</v>
      </c>
      <c r="C728" s="7" t="s">
        <v>1655</v>
      </c>
      <c r="D728" s="6" t="s">
        <v>486</v>
      </c>
      <c r="E728" s="7" t="s">
        <v>2289</v>
      </c>
    </row>
    <row r="729" spans="1:5" s="8" customFormat="1" ht="28.5" customHeight="1" x14ac:dyDescent="0.15">
      <c r="A729" s="6" t="s">
        <v>2249</v>
      </c>
      <c r="B729" s="6">
        <v>2202803</v>
      </c>
      <c r="C729" s="7" t="s">
        <v>2290</v>
      </c>
      <c r="D729" s="6" t="s">
        <v>15</v>
      </c>
      <c r="E729" s="7" t="s">
        <v>2291</v>
      </c>
    </row>
    <row r="730" spans="1:5" s="8" customFormat="1" ht="28.5" customHeight="1" x14ac:dyDescent="0.15">
      <c r="A730" s="6" t="s">
        <v>2249</v>
      </c>
      <c r="B730" s="6">
        <v>2202811</v>
      </c>
      <c r="C730" s="7" t="s">
        <v>2292</v>
      </c>
      <c r="D730" s="6" t="s">
        <v>487</v>
      </c>
      <c r="E730" s="7" t="s">
        <v>2293</v>
      </c>
    </row>
    <row r="731" spans="1:5" s="8" customFormat="1" ht="28.5" customHeight="1" x14ac:dyDescent="0.15">
      <c r="A731" s="6" t="s">
        <v>2249</v>
      </c>
      <c r="B731" s="6">
        <v>2202829</v>
      </c>
      <c r="C731" s="7" t="s">
        <v>2294</v>
      </c>
      <c r="D731" s="6" t="s">
        <v>489</v>
      </c>
      <c r="E731" s="7" t="s">
        <v>2295</v>
      </c>
    </row>
    <row r="732" spans="1:5" s="8" customFormat="1" ht="28.5" customHeight="1" x14ac:dyDescent="0.15">
      <c r="A732" s="6" t="s">
        <v>2249</v>
      </c>
      <c r="B732" s="6">
        <v>2202837</v>
      </c>
      <c r="C732" s="7" t="s">
        <v>2296</v>
      </c>
      <c r="D732" s="6" t="s">
        <v>483</v>
      </c>
      <c r="E732" s="7" t="s">
        <v>2297</v>
      </c>
    </row>
    <row r="733" spans="1:5" s="8" customFormat="1" ht="28.5" customHeight="1" x14ac:dyDescent="0.15">
      <c r="A733" s="6" t="s">
        <v>2249</v>
      </c>
      <c r="B733" s="6">
        <v>2202852</v>
      </c>
      <c r="C733" s="7" t="s">
        <v>2298</v>
      </c>
      <c r="D733" s="6" t="s">
        <v>487</v>
      </c>
      <c r="E733" s="7" t="s">
        <v>2299</v>
      </c>
    </row>
    <row r="734" spans="1:5" s="8" customFormat="1" ht="28.5" customHeight="1" x14ac:dyDescent="0.15">
      <c r="A734" s="6" t="s">
        <v>2249</v>
      </c>
      <c r="B734" s="6">
        <v>2202860</v>
      </c>
      <c r="C734" s="7" t="s">
        <v>2300</v>
      </c>
      <c r="D734" s="6" t="s">
        <v>496</v>
      </c>
      <c r="E734" s="7" t="s">
        <v>2301</v>
      </c>
    </row>
    <row r="735" spans="1:5" s="8" customFormat="1" ht="28.5" customHeight="1" x14ac:dyDescent="0.15">
      <c r="A735" s="6" t="s">
        <v>2249</v>
      </c>
      <c r="B735" s="6">
        <v>2202878</v>
      </c>
      <c r="C735" s="7" t="s">
        <v>2302</v>
      </c>
      <c r="D735" s="6" t="s">
        <v>488</v>
      </c>
      <c r="E735" s="7" t="s">
        <v>2303</v>
      </c>
    </row>
    <row r="736" spans="1:5" s="8" customFormat="1" ht="28.5" customHeight="1" x14ac:dyDescent="0.15">
      <c r="A736" s="6" t="s">
        <v>2249</v>
      </c>
      <c r="B736" s="6">
        <v>2202886</v>
      </c>
      <c r="C736" s="7" t="s">
        <v>2281</v>
      </c>
      <c r="D736" s="6" t="s">
        <v>494</v>
      </c>
      <c r="E736" s="7" t="s">
        <v>2304</v>
      </c>
    </row>
    <row r="737" spans="1:5" s="8" customFormat="1" ht="28.5" customHeight="1" x14ac:dyDescent="0.15">
      <c r="A737" s="6" t="s">
        <v>2249</v>
      </c>
      <c r="B737" s="6">
        <v>2202894</v>
      </c>
      <c r="C737" s="7" t="s">
        <v>2305</v>
      </c>
      <c r="D737" s="6" t="s">
        <v>497</v>
      </c>
      <c r="E737" s="7" t="s">
        <v>2306</v>
      </c>
    </row>
    <row r="738" spans="1:5" s="8" customFormat="1" ht="28.5" customHeight="1" x14ac:dyDescent="0.15">
      <c r="A738" s="6" t="s">
        <v>2249</v>
      </c>
      <c r="B738" s="6">
        <v>2202944</v>
      </c>
      <c r="C738" s="7" t="s">
        <v>2307</v>
      </c>
      <c r="D738" s="6" t="s">
        <v>486</v>
      </c>
      <c r="E738" s="7" t="s">
        <v>2308</v>
      </c>
    </row>
    <row r="739" spans="1:5" s="8" customFormat="1" ht="28.5" customHeight="1" x14ac:dyDescent="0.15">
      <c r="A739" s="6" t="s">
        <v>2249</v>
      </c>
      <c r="B739" s="6">
        <v>2202977</v>
      </c>
      <c r="C739" s="7" t="s">
        <v>1660</v>
      </c>
      <c r="D739" s="6" t="s">
        <v>492</v>
      </c>
      <c r="E739" s="7" t="s">
        <v>2309</v>
      </c>
    </row>
    <row r="740" spans="1:5" s="8" customFormat="1" ht="28.5" customHeight="1" x14ac:dyDescent="0.15">
      <c r="A740" s="6" t="s">
        <v>2249</v>
      </c>
      <c r="B740" s="6">
        <v>2202985</v>
      </c>
      <c r="C740" s="7" t="s">
        <v>2310</v>
      </c>
      <c r="D740" s="6" t="s">
        <v>486</v>
      </c>
      <c r="E740" s="7" t="s">
        <v>2311</v>
      </c>
    </row>
    <row r="741" spans="1:5" s="8" customFormat="1" ht="28.5" customHeight="1" x14ac:dyDescent="0.15">
      <c r="A741" s="6" t="s">
        <v>2249</v>
      </c>
      <c r="B741" s="6">
        <v>2203025</v>
      </c>
      <c r="C741" s="7" t="s">
        <v>2312</v>
      </c>
      <c r="D741" s="6" t="s">
        <v>483</v>
      </c>
      <c r="E741" s="7" t="s">
        <v>2313</v>
      </c>
    </row>
    <row r="742" spans="1:5" s="8" customFormat="1" ht="28.5" customHeight="1" x14ac:dyDescent="0.15">
      <c r="A742" s="6" t="s">
        <v>2249</v>
      </c>
      <c r="B742" s="6">
        <v>2203041</v>
      </c>
      <c r="C742" s="7" t="s">
        <v>2314</v>
      </c>
      <c r="D742" s="6" t="s">
        <v>491</v>
      </c>
      <c r="E742" s="7" t="s">
        <v>2315</v>
      </c>
    </row>
    <row r="743" spans="1:5" s="8" customFormat="1" ht="28.5" customHeight="1" x14ac:dyDescent="0.15">
      <c r="A743" s="6" t="s">
        <v>2249</v>
      </c>
      <c r="B743" s="6">
        <v>2203058</v>
      </c>
      <c r="C743" s="7" t="s">
        <v>2267</v>
      </c>
      <c r="D743" s="6" t="s">
        <v>494</v>
      </c>
      <c r="E743" s="7" t="s">
        <v>2316</v>
      </c>
    </row>
    <row r="744" spans="1:5" s="8" customFormat="1" ht="28.5" customHeight="1" x14ac:dyDescent="0.15">
      <c r="A744" s="6" t="s">
        <v>2249</v>
      </c>
      <c r="B744" s="6">
        <v>2203090</v>
      </c>
      <c r="C744" s="7" t="s">
        <v>2317</v>
      </c>
      <c r="D744" s="6" t="s">
        <v>496</v>
      </c>
      <c r="E744" s="7" t="s">
        <v>2318</v>
      </c>
    </row>
    <row r="745" spans="1:5" s="8" customFormat="1" ht="28.5" customHeight="1" x14ac:dyDescent="0.15">
      <c r="A745" s="6" t="s">
        <v>2249</v>
      </c>
      <c r="B745" s="6">
        <v>2203124</v>
      </c>
      <c r="C745" s="7" t="s">
        <v>2319</v>
      </c>
      <c r="D745" s="6" t="s">
        <v>487</v>
      </c>
      <c r="E745" s="7" t="s">
        <v>2320</v>
      </c>
    </row>
    <row r="746" spans="1:5" s="8" customFormat="1" ht="28.5" customHeight="1" x14ac:dyDescent="0.15">
      <c r="A746" s="6" t="s">
        <v>2249</v>
      </c>
      <c r="B746" s="6">
        <v>2203132</v>
      </c>
      <c r="C746" s="7" t="s">
        <v>2321</v>
      </c>
      <c r="D746" s="6" t="s">
        <v>487</v>
      </c>
      <c r="E746" s="7" t="s">
        <v>2322</v>
      </c>
    </row>
    <row r="747" spans="1:5" s="8" customFormat="1" ht="28.5" customHeight="1" x14ac:dyDescent="0.15">
      <c r="A747" s="6" t="s">
        <v>2249</v>
      </c>
      <c r="B747" s="6" t="s">
        <v>498</v>
      </c>
      <c r="C747" s="7" t="s">
        <v>1072</v>
      </c>
      <c r="D747" s="6" t="s">
        <v>497</v>
      </c>
      <c r="E747" s="7" t="s">
        <v>2323</v>
      </c>
    </row>
    <row r="748" spans="1:5" s="8" customFormat="1" ht="28.5" customHeight="1" x14ac:dyDescent="0.15">
      <c r="A748" s="6" t="s">
        <v>2249</v>
      </c>
      <c r="B748" s="6">
        <v>2203165</v>
      </c>
      <c r="C748" s="7" t="s">
        <v>2324</v>
      </c>
      <c r="D748" s="6" t="s">
        <v>494</v>
      </c>
      <c r="E748" s="7" t="s">
        <v>2325</v>
      </c>
    </row>
    <row r="749" spans="1:5" s="8" customFormat="1" ht="28.5" customHeight="1" x14ac:dyDescent="0.15">
      <c r="A749" s="6" t="s">
        <v>2249</v>
      </c>
      <c r="B749" s="6">
        <v>2203199</v>
      </c>
      <c r="C749" s="7" t="s">
        <v>2326</v>
      </c>
      <c r="D749" s="6" t="s">
        <v>497</v>
      </c>
      <c r="E749" s="7" t="s">
        <v>2327</v>
      </c>
    </row>
    <row r="750" spans="1:5" s="8" customFormat="1" ht="28.5" customHeight="1" x14ac:dyDescent="0.15">
      <c r="A750" s="6" t="s">
        <v>2249</v>
      </c>
      <c r="B750" s="6">
        <v>2203215</v>
      </c>
      <c r="C750" s="7" t="s">
        <v>922</v>
      </c>
      <c r="D750" s="6" t="s">
        <v>486</v>
      </c>
      <c r="E750" s="7" t="s">
        <v>2328</v>
      </c>
    </row>
    <row r="751" spans="1:5" s="8" customFormat="1" ht="28.5" customHeight="1" x14ac:dyDescent="0.15">
      <c r="A751" s="6" t="s">
        <v>2249</v>
      </c>
      <c r="B751" s="6">
        <v>2203264</v>
      </c>
      <c r="C751" s="7" t="s">
        <v>2329</v>
      </c>
      <c r="D751" s="6" t="s">
        <v>491</v>
      </c>
      <c r="E751" s="7" t="s">
        <v>2330</v>
      </c>
    </row>
    <row r="752" spans="1:5" s="8" customFormat="1" ht="28.5" customHeight="1" x14ac:dyDescent="0.15">
      <c r="A752" s="6" t="s">
        <v>2249</v>
      </c>
      <c r="B752" s="6">
        <v>2203298</v>
      </c>
      <c r="C752" s="7" t="s">
        <v>2331</v>
      </c>
      <c r="D752" s="6" t="s">
        <v>497</v>
      </c>
      <c r="E752" s="7" t="s">
        <v>2332</v>
      </c>
    </row>
    <row r="753" spans="1:5" s="8" customFormat="1" ht="28.5" customHeight="1" x14ac:dyDescent="0.15">
      <c r="A753" s="6" t="s">
        <v>2249</v>
      </c>
      <c r="B753" s="6" t="s">
        <v>500</v>
      </c>
      <c r="C753" s="7" t="s">
        <v>2333</v>
      </c>
      <c r="D753" s="6" t="s">
        <v>483</v>
      </c>
      <c r="E753" s="7" t="s">
        <v>2334</v>
      </c>
    </row>
    <row r="754" spans="1:5" s="8" customFormat="1" ht="28.5" customHeight="1" x14ac:dyDescent="0.15">
      <c r="A754" s="6" t="s">
        <v>2249</v>
      </c>
      <c r="B754" s="6" t="s">
        <v>501</v>
      </c>
      <c r="C754" s="7" t="s">
        <v>2335</v>
      </c>
      <c r="D754" s="6" t="s">
        <v>490</v>
      </c>
      <c r="E754" s="7" t="s">
        <v>2336</v>
      </c>
    </row>
    <row r="755" spans="1:5" s="8" customFormat="1" ht="28.5" customHeight="1" x14ac:dyDescent="0.15">
      <c r="A755" s="6" t="s">
        <v>2249</v>
      </c>
      <c r="B755" s="6">
        <v>2203330</v>
      </c>
      <c r="C755" s="7" t="s">
        <v>2337</v>
      </c>
      <c r="D755" s="6" t="s">
        <v>497</v>
      </c>
      <c r="E755" s="7" t="s">
        <v>2338</v>
      </c>
    </row>
    <row r="756" spans="1:5" s="8" customFormat="1" ht="28.5" customHeight="1" x14ac:dyDescent="0.15">
      <c r="A756" s="6" t="s">
        <v>2249</v>
      </c>
      <c r="B756" s="6" t="s">
        <v>502</v>
      </c>
      <c r="C756" s="7" t="s">
        <v>1917</v>
      </c>
      <c r="D756" s="6" t="s">
        <v>491</v>
      </c>
      <c r="E756" s="7" t="s">
        <v>2339</v>
      </c>
    </row>
    <row r="757" spans="1:5" s="8" customFormat="1" ht="28.5" customHeight="1" x14ac:dyDescent="0.15">
      <c r="A757" s="6" t="s">
        <v>2249</v>
      </c>
      <c r="B757" s="6" t="s">
        <v>503</v>
      </c>
      <c r="C757" s="7" t="s">
        <v>2340</v>
      </c>
      <c r="D757" s="6" t="s">
        <v>483</v>
      </c>
      <c r="E757" s="7" t="s">
        <v>2341</v>
      </c>
    </row>
    <row r="758" spans="1:5" s="8" customFormat="1" ht="28.5" customHeight="1" x14ac:dyDescent="0.15">
      <c r="A758" s="6" t="s">
        <v>2249</v>
      </c>
      <c r="B758" s="6">
        <v>2203405</v>
      </c>
      <c r="C758" s="7" t="s">
        <v>2342</v>
      </c>
      <c r="D758" s="6" t="s">
        <v>14</v>
      </c>
      <c r="E758" s="7" t="s">
        <v>2343</v>
      </c>
    </row>
    <row r="759" spans="1:5" s="8" customFormat="1" ht="28.5" customHeight="1" x14ac:dyDescent="0.15">
      <c r="A759" s="6" t="s">
        <v>2249</v>
      </c>
      <c r="B759" s="6">
        <v>2203454</v>
      </c>
      <c r="C759" s="7" t="s">
        <v>842</v>
      </c>
      <c r="D759" s="6" t="s">
        <v>14</v>
      </c>
      <c r="E759" s="7" t="s">
        <v>2344</v>
      </c>
    </row>
    <row r="760" spans="1:5" s="8" customFormat="1" ht="28.5" customHeight="1" x14ac:dyDescent="0.15">
      <c r="A760" s="6" t="s">
        <v>2249</v>
      </c>
      <c r="B760" s="6" t="s">
        <v>504</v>
      </c>
      <c r="C760" s="7" t="s">
        <v>2345</v>
      </c>
      <c r="D760" s="6" t="s">
        <v>495</v>
      </c>
      <c r="E760" s="7" t="s">
        <v>2346</v>
      </c>
    </row>
    <row r="761" spans="1:5" s="8" customFormat="1" ht="28.5" customHeight="1" x14ac:dyDescent="0.15">
      <c r="A761" s="6" t="s">
        <v>2249</v>
      </c>
      <c r="B761" s="6" t="s">
        <v>505</v>
      </c>
      <c r="C761" s="7" t="s">
        <v>2347</v>
      </c>
      <c r="D761" s="6" t="s">
        <v>15</v>
      </c>
      <c r="E761" s="7" t="s">
        <v>2348</v>
      </c>
    </row>
    <row r="762" spans="1:5" s="8" customFormat="1" ht="28.5" customHeight="1" x14ac:dyDescent="0.15">
      <c r="A762" s="6" t="s">
        <v>2249</v>
      </c>
      <c r="B762" s="6" t="s">
        <v>506</v>
      </c>
      <c r="C762" s="7" t="s">
        <v>2349</v>
      </c>
      <c r="D762" s="6" t="s">
        <v>497</v>
      </c>
      <c r="E762" s="7" t="s">
        <v>2350</v>
      </c>
    </row>
    <row r="763" spans="1:5" s="8" customFormat="1" ht="28.5" customHeight="1" x14ac:dyDescent="0.15">
      <c r="A763" s="6" t="s">
        <v>2249</v>
      </c>
      <c r="B763" s="6" t="s">
        <v>507</v>
      </c>
      <c r="C763" s="7" t="s">
        <v>2351</v>
      </c>
      <c r="D763" s="6" t="s">
        <v>490</v>
      </c>
      <c r="E763" s="7" t="s">
        <v>2352</v>
      </c>
    </row>
    <row r="764" spans="1:5" s="8" customFormat="1" ht="28.5" customHeight="1" x14ac:dyDescent="0.15">
      <c r="A764" s="6" t="s">
        <v>2249</v>
      </c>
      <c r="B764" s="6" t="s">
        <v>508</v>
      </c>
      <c r="C764" s="7" t="s">
        <v>2353</v>
      </c>
      <c r="D764" s="6" t="s">
        <v>491</v>
      </c>
      <c r="E764" s="7" t="s">
        <v>2354</v>
      </c>
    </row>
    <row r="765" spans="1:5" s="8" customFormat="1" ht="28.5" customHeight="1" x14ac:dyDescent="0.15">
      <c r="A765" s="6" t="s">
        <v>2249</v>
      </c>
      <c r="B765" s="6" t="s">
        <v>509</v>
      </c>
      <c r="C765" s="7" t="s">
        <v>2355</v>
      </c>
      <c r="D765" s="6" t="s">
        <v>491</v>
      </c>
      <c r="E765" s="7" t="s">
        <v>2356</v>
      </c>
    </row>
    <row r="766" spans="1:5" s="8" customFormat="1" ht="28.5" customHeight="1" x14ac:dyDescent="0.15">
      <c r="A766" s="6" t="s">
        <v>2249</v>
      </c>
      <c r="B766" s="6" t="s">
        <v>510</v>
      </c>
      <c r="C766" s="7" t="s">
        <v>2357</v>
      </c>
      <c r="D766" s="6" t="s">
        <v>484</v>
      </c>
      <c r="E766" s="7" t="s">
        <v>2358</v>
      </c>
    </row>
    <row r="767" spans="1:5" s="8" customFormat="1" ht="28.5" customHeight="1" x14ac:dyDescent="0.15">
      <c r="A767" s="6" t="s">
        <v>2249</v>
      </c>
      <c r="B767" s="6" t="s">
        <v>511</v>
      </c>
      <c r="C767" s="7" t="s">
        <v>1696</v>
      </c>
      <c r="D767" s="6" t="s">
        <v>15</v>
      </c>
      <c r="E767" s="7" t="s">
        <v>2359</v>
      </c>
    </row>
    <row r="768" spans="1:5" s="8" customFormat="1" ht="28.5" customHeight="1" x14ac:dyDescent="0.15">
      <c r="A768" s="6" t="s">
        <v>2249</v>
      </c>
      <c r="B768" s="6" t="s">
        <v>512</v>
      </c>
      <c r="C768" s="7" t="s">
        <v>1696</v>
      </c>
      <c r="D768" s="6" t="s">
        <v>491</v>
      </c>
      <c r="E768" s="7" t="s">
        <v>2360</v>
      </c>
    </row>
    <row r="769" spans="1:5" s="8" customFormat="1" ht="28.5" customHeight="1" x14ac:dyDescent="0.15">
      <c r="A769" s="6" t="s">
        <v>2249</v>
      </c>
      <c r="B769" s="6" t="s">
        <v>513</v>
      </c>
      <c r="C769" s="7" t="s">
        <v>2361</v>
      </c>
      <c r="D769" s="6" t="s">
        <v>492</v>
      </c>
      <c r="E769" s="7" t="s">
        <v>2362</v>
      </c>
    </row>
    <row r="770" spans="1:5" s="8" customFormat="1" ht="28.5" customHeight="1" x14ac:dyDescent="0.15">
      <c r="A770" s="6" t="s">
        <v>2363</v>
      </c>
      <c r="B770" s="6" t="s">
        <v>2364</v>
      </c>
      <c r="C770" s="7" t="s">
        <v>2365</v>
      </c>
      <c r="D770" s="6" t="s">
        <v>490</v>
      </c>
      <c r="E770" s="7" t="s">
        <v>2366</v>
      </c>
    </row>
    <row r="771" spans="1:5" s="8" customFormat="1" ht="28.5" customHeight="1" x14ac:dyDescent="0.15">
      <c r="A771" s="6" t="s">
        <v>2367</v>
      </c>
      <c r="B771" s="6" t="s">
        <v>2368</v>
      </c>
      <c r="C771" s="7" t="s">
        <v>3412</v>
      </c>
      <c r="D771" s="6" t="s">
        <v>491</v>
      </c>
      <c r="E771" s="7" t="s">
        <v>2369</v>
      </c>
    </row>
    <row r="772" spans="1:5" s="8" customFormat="1" ht="28.5" customHeight="1" x14ac:dyDescent="0.15">
      <c r="A772" s="6" t="s">
        <v>2367</v>
      </c>
      <c r="B772" s="6" t="s">
        <v>2370</v>
      </c>
      <c r="C772" s="7" t="s">
        <v>2371</v>
      </c>
      <c r="D772" s="6" t="s">
        <v>499</v>
      </c>
      <c r="E772" s="7" t="s">
        <v>2372</v>
      </c>
    </row>
    <row r="773" spans="1:5" s="8" customFormat="1" ht="28.5" customHeight="1" x14ac:dyDescent="0.15">
      <c r="A773" s="6" t="s">
        <v>2367</v>
      </c>
      <c r="B773" s="6" t="s">
        <v>2373</v>
      </c>
      <c r="C773" s="7" t="s">
        <v>2374</v>
      </c>
      <c r="D773" s="6" t="s">
        <v>487</v>
      </c>
      <c r="E773" s="7" t="s">
        <v>2375</v>
      </c>
    </row>
    <row r="774" spans="1:5" s="8" customFormat="1" ht="28.5" customHeight="1" x14ac:dyDescent="0.15">
      <c r="A774" s="6" t="s">
        <v>2376</v>
      </c>
      <c r="B774" s="6">
        <v>3100402</v>
      </c>
      <c r="C774" s="7" t="s">
        <v>2377</v>
      </c>
      <c r="D774" s="6" t="s">
        <v>514</v>
      </c>
      <c r="E774" s="7" t="s">
        <v>2378</v>
      </c>
    </row>
    <row r="775" spans="1:5" s="8" customFormat="1" ht="28.5" customHeight="1" x14ac:dyDescent="0.15">
      <c r="A775" s="6" t="s">
        <v>2376</v>
      </c>
      <c r="B775" s="6">
        <v>3100881</v>
      </c>
      <c r="C775" s="7" t="s">
        <v>2379</v>
      </c>
      <c r="D775" s="6" t="s">
        <v>515</v>
      </c>
      <c r="E775" s="7" t="s">
        <v>2380</v>
      </c>
    </row>
    <row r="776" spans="1:5" s="8" customFormat="1" ht="28.5" customHeight="1" x14ac:dyDescent="0.15">
      <c r="A776" s="6" t="s">
        <v>2376</v>
      </c>
      <c r="B776" s="6">
        <v>3101004</v>
      </c>
      <c r="C776" s="7" t="s">
        <v>2381</v>
      </c>
      <c r="D776" s="6" t="s">
        <v>514</v>
      </c>
      <c r="E776" s="7" t="s">
        <v>2382</v>
      </c>
    </row>
    <row r="777" spans="1:5" s="8" customFormat="1" ht="28.5" customHeight="1" x14ac:dyDescent="0.15">
      <c r="A777" s="6" t="s">
        <v>2376</v>
      </c>
      <c r="B777" s="6">
        <v>3101012</v>
      </c>
      <c r="C777" s="7" t="s">
        <v>2383</v>
      </c>
      <c r="D777" s="6" t="s">
        <v>516</v>
      </c>
      <c r="E777" s="7" t="s">
        <v>2384</v>
      </c>
    </row>
    <row r="778" spans="1:5" s="8" customFormat="1" ht="28.5" customHeight="1" x14ac:dyDescent="0.15">
      <c r="A778" s="6" t="s">
        <v>2376</v>
      </c>
      <c r="B778" s="6">
        <v>3101061</v>
      </c>
      <c r="C778" s="7" t="s">
        <v>2385</v>
      </c>
      <c r="D778" s="6" t="s">
        <v>517</v>
      </c>
      <c r="E778" s="7" t="s">
        <v>2386</v>
      </c>
    </row>
    <row r="779" spans="1:5" s="8" customFormat="1" ht="28.5" customHeight="1" x14ac:dyDescent="0.15">
      <c r="A779" s="6" t="s">
        <v>2376</v>
      </c>
      <c r="B779" s="6">
        <v>3101095</v>
      </c>
      <c r="C779" s="7" t="s">
        <v>2387</v>
      </c>
      <c r="D779" s="6" t="s">
        <v>518</v>
      </c>
      <c r="E779" s="7" t="s">
        <v>2388</v>
      </c>
    </row>
    <row r="780" spans="1:5" s="8" customFormat="1" ht="28.5" customHeight="1" x14ac:dyDescent="0.15">
      <c r="A780" s="6" t="s">
        <v>2376</v>
      </c>
      <c r="B780" s="6">
        <v>3101152</v>
      </c>
      <c r="C780" s="7" t="s">
        <v>519</v>
      </c>
      <c r="D780" s="6" t="s">
        <v>516</v>
      </c>
      <c r="E780" s="7" t="s">
        <v>2389</v>
      </c>
    </row>
    <row r="781" spans="1:5" s="8" customFormat="1" ht="28.5" customHeight="1" x14ac:dyDescent="0.15">
      <c r="A781" s="6" t="s">
        <v>2376</v>
      </c>
      <c r="B781" s="6">
        <v>3101244</v>
      </c>
      <c r="C781" s="7" t="s">
        <v>520</v>
      </c>
      <c r="D781" s="6" t="s">
        <v>516</v>
      </c>
      <c r="E781" s="7" t="s">
        <v>2390</v>
      </c>
    </row>
    <row r="782" spans="1:5" s="8" customFormat="1" ht="28.5" customHeight="1" x14ac:dyDescent="0.15">
      <c r="A782" s="6" t="s">
        <v>2376</v>
      </c>
      <c r="B782" s="6">
        <v>3101269</v>
      </c>
      <c r="C782" s="7" t="s">
        <v>2391</v>
      </c>
      <c r="D782" s="6" t="s">
        <v>521</v>
      </c>
      <c r="E782" s="7" t="s">
        <v>2392</v>
      </c>
    </row>
    <row r="783" spans="1:5" s="8" customFormat="1" ht="28.5" customHeight="1" x14ac:dyDescent="0.15">
      <c r="A783" s="6" t="s">
        <v>2376</v>
      </c>
      <c r="B783" s="6">
        <v>3101285</v>
      </c>
      <c r="C783" s="7" t="s">
        <v>2393</v>
      </c>
      <c r="D783" s="6" t="s">
        <v>514</v>
      </c>
      <c r="E783" s="7" t="s">
        <v>2394</v>
      </c>
    </row>
    <row r="784" spans="1:5" s="8" customFormat="1" ht="28.5" customHeight="1" x14ac:dyDescent="0.15">
      <c r="A784" s="6" t="s">
        <v>2376</v>
      </c>
      <c r="B784" s="6">
        <v>3101319</v>
      </c>
      <c r="C784" s="7" t="s">
        <v>2395</v>
      </c>
      <c r="D784" s="6" t="s">
        <v>517</v>
      </c>
      <c r="E784" s="7" t="s">
        <v>2396</v>
      </c>
    </row>
    <row r="785" spans="1:5" s="8" customFormat="1" ht="28.5" customHeight="1" x14ac:dyDescent="0.15">
      <c r="A785" s="6" t="s">
        <v>2376</v>
      </c>
      <c r="B785" s="6">
        <v>3101335</v>
      </c>
      <c r="C785" s="7" t="s">
        <v>522</v>
      </c>
      <c r="D785" s="6" t="s">
        <v>523</v>
      </c>
      <c r="E785" s="7" t="s">
        <v>2397</v>
      </c>
    </row>
    <row r="786" spans="1:5" s="8" customFormat="1" ht="28.5" customHeight="1" x14ac:dyDescent="0.15">
      <c r="A786" s="6" t="s">
        <v>2376</v>
      </c>
      <c r="B786" s="6">
        <v>3101343</v>
      </c>
      <c r="C786" s="7" t="s">
        <v>2398</v>
      </c>
      <c r="D786" s="6" t="s">
        <v>521</v>
      </c>
      <c r="E786" s="7" t="s">
        <v>2399</v>
      </c>
    </row>
    <row r="787" spans="1:5" s="8" customFormat="1" ht="28.5" customHeight="1" x14ac:dyDescent="0.15">
      <c r="A787" s="6" t="s">
        <v>2376</v>
      </c>
      <c r="B787" s="6">
        <v>3101400</v>
      </c>
      <c r="C787" s="7" t="s">
        <v>524</v>
      </c>
      <c r="D787" s="6" t="s">
        <v>517</v>
      </c>
      <c r="E787" s="7" t="s">
        <v>2400</v>
      </c>
    </row>
    <row r="788" spans="1:5" s="8" customFormat="1" ht="28.5" customHeight="1" x14ac:dyDescent="0.15">
      <c r="A788" s="6" t="s">
        <v>2376</v>
      </c>
      <c r="B788" s="6">
        <v>3101442</v>
      </c>
      <c r="C788" s="7" t="s">
        <v>2401</v>
      </c>
      <c r="D788" s="6" t="s">
        <v>523</v>
      </c>
      <c r="E788" s="7" t="s">
        <v>2402</v>
      </c>
    </row>
    <row r="789" spans="1:5" s="8" customFormat="1" ht="28.5" customHeight="1" x14ac:dyDescent="0.15">
      <c r="A789" s="6" t="s">
        <v>2376</v>
      </c>
      <c r="B789" s="6">
        <v>3101467</v>
      </c>
      <c r="C789" s="7" t="s">
        <v>930</v>
      </c>
      <c r="D789" s="6" t="s">
        <v>517</v>
      </c>
      <c r="E789" s="7" t="s">
        <v>2403</v>
      </c>
    </row>
    <row r="790" spans="1:5" s="8" customFormat="1" ht="28.5" customHeight="1" x14ac:dyDescent="0.15">
      <c r="A790" s="6" t="s">
        <v>2376</v>
      </c>
      <c r="B790" s="6">
        <v>3101475</v>
      </c>
      <c r="C790" s="7" t="s">
        <v>2404</v>
      </c>
      <c r="D790" s="6" t="s">
        <v>523</v>
      </c>
      <c r="E790" s="7" t="s">
        <v>2405</v>
      </c>
    </row>
    <row r="791" spans="1:5" s="8" customFormat="1" ht="28.5" customHeight="1" x14ac:dyDescent="0.15">
      <c r="A791" s="6" t="s">
        <v>2376</v>
      </c>
      <c r="B791" s="6">
        <v>3101491</v>
      </c>
      <c r="C791" s="7" t="s">
        <v>2103</v>
      </c>
      <c r="D791" s="6" t="s">
        <v>517</v>
      </c>
      <c r="E791" s="7" t="s">
        <v>2406</v>
      </c>
    </row>
    <row r="792" spans="1:5" s="8" customFormat="1" ht="28.5" customHeight="1" x14ac:dyDescent="0.15">
      <c r="A792" s="6" t="s">
        <v>2376</v>
      </c>
      <c r="B792" s="6">
        <v>3101533</v>
      </c>
      <c r="C792" s="7" t="s">
        <v>2407</v>
      </c>
      <c r="D792" s="6" t="s">
        <v>515</v>
      </c>
      <c r="E792" s="7" t="s">
        <v>2408</v>
      </c>
    </row>
    <row r="793" spans="1:5" s="8" customFormat="1" ht="28.5" customHeight="1" x14ac:dyDescent="0.15">
      <c r="A793" s="6" t="s">
        <v>2376</v>
      </c>
      <c r="B793" s="6">
        <v>3101541</v>
      </c>
      <c r="C793" s="7" t="s">
        <v>525</v>
      </c>
      <c r="D793" s="6" t="s">
        <v>517</v>
      </c>
      <c r="E793" s="7" t="s">
        <v>2409</v>
      </c>
    </row>
    <row r="794" spans="1:5" s="8" customFormat="1" ht="28.5" customHeight="1" x14ac:dyDescent="0.15">
      <c r="A794" s="6" t="s">
        <v>2376</v>
      </c>
      <c r="B794" s="6">
        <v>3101574</v>
      </c>
      <c r="C794" s="7" t="s">
        <v>2410</v>
      </c>
      <c r="D794" s="6" t="s">
        <v>516</v>
      </c>
      <c r="E794" s="7" t="s">
        <v>2411</v>
      </c>
    </row>
    <row r="795" spans="1:5" s="8" customFormat="1" ht="28.5" customHeight="1" x14ac:dyDescent="0.15">
      <c r="A795" s="6" t="s">
        <v>2376</v>
      </c>
      <c r="B795" s="6">
        <v>3101582</v>
      </c>
      <c r="C795" s="7" t="s">
        <v>2412</v>
      </c>
      <c r="D795" s="6" t="s">
        <v>516</v>
      </c>
      <c r="E795" s="7" t="s">
        <v>2413</v>
      </c>
    </row>
    <row r="796" spans="1:5" s="8" customFormat="1" ht="28.5" customHeight="1" x14ac:dyDescent="0.15">
      <c r="A796" s="6" t="s">
        <v>2376</v>
      </c>
      <c r="B796" s="6" t="s">
        <v>526</v>
      </c>
      <c r="C796" s="7" t="s">
        <v>2414</v>
      </c>
      <c r="D796" s="6" t="s">
        <v>523</v>
      </c>
      <c r="E796" s="7" t="s">
        <v>2415</v>
      </c>
    </row>
    <row r="797" spans="1:5" s="8" customFormat="1" ht="28.5" customHeight="1" x14ac:dyDescent="0.15">
      <c r="A797" s="6" t="s">
        <v>2376</v>
      </c>
      <c r="B797" s="6">
        <v>3101608</v>
      </c>
      <c r="C797" s="7" t="s">
        <v>2416</v>
      </c>
      <c r="D797" s="6" t="s">
        <v>516</v>
      </c>
      <c r="E797" s="7" t="s">
        <v>2417</v>
      </c>
    </row>
    <row r="798" spans="1:5" s="8" customFormat="1" ht="28.5" customHeight="1" x14ac:dyDescent="0.15">
      <c r="A798" s="6" t="s">
        <v>2376</v>
      </c>
      <c r="B798" s="6">
        <v>3101616</v>
      </c>
      <c r="C798" s="7" t="s">
        <v>2418</v>
      </c>
      <c r="D798" s="6" t="s">
        <v>523</v>
      </c>
      <c r="E798" s="7" t="s">
        <v>2419</v>
      </c>
    </row>
    <row r="799" spans="1:5" s="8" customFormat="1" ht="28.5" customHeight="1" x14ac:dyDescent="0.15">
      <c r="A799" s="6" t="s">
        <v>2376</v>
      </c>
      <c r="B799" s="6">
        <v>3101624</v>
      </c>
      <c r="C799" s="7" t="s">
        <v>2420</v>
      </c>
      <c r="D799" s="6" t="s">
        <v>523</v>
      </c>
      <c r="E799" s="7" t="s">
        <v>2421</v>
      </c>
    </row>
    <row r="800" spans="1:5" s="8" customFormat="1" ht="28.5" customHeight="1" x14ac:dyDescent="0.15">
      <c r="A800" s="6" t="s">
        <v>2376</v>
      </c>
      <c r="B800" s="6" t="s">
        <v>527</v>
      </c>
      <c r="C800" s="7" t="s">
        <v>2422</v>
      </c>
      <c r="D800" s="6" t="s">
        <v>528</v>
      </c>
      <c r="E800" s="7" t="s">
        <v>2423</v>
      </c>
    </row>
    <row r="801" spans="1:5" s="8" customFormat="1" ht="28.5" customHeight="1" x14ac:dyDescent="0.15">
      <c r="A801" s="6" t="s">
        <v>2376</v>
      </c>
      <c r="B801" s="6" t="s">
        <v>529</v>
      </c>
      <c r="C801" s="7" t="s">
        <v>2424</v>
      </c>
      <c r="D801" s="6" t="s">
        <v>521</v>
      </c>
      <c r="E801" s="7" t="s">
        <v>2425</v>
      </c>
    </row>
    <row r="802" spans="1:5" s="8" customFormat="1" ht="28.5" customHeight="1" x14ac:dyDescent="0.15">
      <c r="A802" s="6" t="s">
        <v>2376</v>
      </c>
      <c r="B802" s="6">
        <v>3101673</v>
      </c>
      <c r="C802" s="7" t="s">
        <v>2426</v>
      </c>
      <c r="D802" s="6" t="s">
        <v>523</v>
      </c>
      <c r="E802" s="7" t="s">
        <v>2427</v>
      </c>
    </row>
    <row r="803" spans="1:5" s="8" customFormat="1" ht="28.5" customHeight="1" x14ac:dyDescent="0.15">
      <c r="A803" s="6" t="s">
        <v>2376</v>
      </c>
      <c r="B803" s="6" t="s">
        <v>530</v>
      </c>
      <c r="C803" s="7" t="s">
        <v>1169</v>
      </c>
      <c r="D803" s="6" t="s">
        <v>516</v>
      </c>
      <c r="E803" s="7" t="s">
        <v>2428</v>
      </c>
    </row>
    <row r="804" spans="1:5" s="8" customFormat="1" ht="28.5" customHeight="1" x14ac:dyDescent="0.15">
      <c r="A804" s="6" t="s">
        <v>2376</v>
      </c>
      <c r="B804" s="6">
        <v>3101707</v>
      </c>
      <c r="C804" s="7" t="s">
        <v>2429</v>
      </c>
      <c r="D804" s="6" t="s">
        <v>523</v>
      </c>
      <c r="E804" s="7" t="s">
        <v>2430</v>
      </c>
    </row>
    <row r="805" spans="1:5" s="8" customFormat="1" ht="28.5" customHeight="1" x14ac:dyDescent="0.15">
      <c r="A805" s="6" t="s">
        <v>2376</v>
      </c>
      <c r="B805" s="6">
        <v>3101715</v>
      </c>
      <c r="C805" s="7" t="s">
        <v>2431</v>
      </c>
      <c r="D805" s="6" t="s">
        <v>2432</v>
      </c>
      <c r="E805" s="7" t="s">
        <v>2433</v>
      </c>
    </row>
    <row r="806" spans="1:5" s="8" customFormat="1" ht="28.5" customHeight="1" x14ac:dyDescent="0.15">
      <c r="A806" s="6" t="s">
        <v>2376</v>
      </c>
      <c r="B806" s="6">
        <v>3101723</v>
      </c>
      <c r="C806" s="7" t="s">
        <v>2434</v>
      </c>
      <c r="D806" s="6" t="s">
        <v>514</v>
      </c>
      <c r="E806" s="7" t="s">
        <v>2435</v>
      </c>
    </row>
    <row r="807" spans="1:5" s="8" customFormat="1" ht="28.5" customHeight="1" x14ac:dyDescent="0.15">
      <c r="A807" s="6" t="s">
        <v>2376</v>
      </c>
      <c r="B807" s="6">
        <v>3101756</v>
      </c>
      <c r="C807" s="7" t="s">
        <v>2436</v>
      </c>
      <c r="D807" s="6" t="s">
        <v>531</v>
      </c>
      <c r="E807" s="7" t="s">
        <v>2437</v>
      </c>
    </row>
    <row r="808" spans="1:5" s="8" customFormat="1" ht="28.5" customHeight="1" x14ac:dyDescent="0.15">
      <c r="A808" s="6" t="s">
        <v>2376</v>
      </c>
      <c r="B808" s="6" t="s">
        <v>532</v>
      </c>
      <c r="C808" s="7" t="s">
        <v>2438</v>
      </c>
      <c r="D808" s="6" t="s">
        <v>518</v>
      </c>
      <c r="E808" s="7" t="s">
        <v>2439</v>
      </c>
    </row>
    <row r="809" spans="1:5" s="8" customFormat="1" ht="28.5" customHeight="1" x14ac:dyDescent="0.15">
      <c r="A809" s="6" t="s">
        <v>2376</v>
      </c>
      <c r="B809" s="6" t="s">
        <v>533</v>
      </c>
      <c r="C809" s="7" t="s">
        <v>1487</v>
      </c>
      <c r="D809" s="6" t="s">
        <v>534</v>
      </c>
      <c r="E809" s="7" t="s">
        <v>2440</v>
      </c>
    </row>
    <row r="810" spans="1:5" s="8" customFormat="1" ht="28.5" customHeight="1" x14ac:dyDescent="0.15">
      <c r="A810" s="6" t="s">
        <v>2376</v>
      </c>
      <c r="B810" s="6" t="s">
        <v>535</v>
      </c>
      <c r="C810" s="7" t="s">
        <v>2441</v>
      </c>
      <c r="D810" s="6" t="s">
        <v>515</v>
      </c>
      <c r="E810" s="7" t="s">
        <v>2442</v>
      </c>
    </row>
    <row r="811" spans="1:5" s="8" customFormat="1" ht="28.5" customHeight="1" x14ac:dyDescent="0.15">
      <c r="A811" s="6" t="s">
        <v>2443</v>
      </c>
      <c r="B811" s="6" t="s">
        <v>2444</v>
      </c>
      <c r="C811" s="7" t="s">
        <v>2445</v>
      </c>
      <c r="D811" s="6" t="s">
        <v>518</v>
      </c>
      <c r="E811" s="7" t="s">
        <v>2446</v>
      </c>
    </row>
    <row r="812" spans="1:5" s="8" customFormat="1" ht="28.5" customHeight="1" x14ac:dyDescent="0.15">
      <c r="A812" s="6" t="s">
        <v>2376</v>
      </c>
      <c r="B812" s="6" t="s">
        <v>2447</v>
      </c>
      <c r="C812" s="7" t="s">
        <v>2285</v>
      </c>
      <c r="D812" s="6" t="s">
        <v>514</v>
      </c>
      <c r="E812" s="7" t="s">
        <v>2448</v>
      </c>
    </row>
    <row r="813" spans="1:5" s="8" customFormat="1" ht="28.5" customHeight="1" x14ac:dyDescent="0.15">
      <c r="A813" s="6" t="s">
        <v>2376</v>
      </c>
      <c r="B813" s="6" t="s">
        <v>2449</v>
      </c>
      <c r="C813" s="7" t="s">
        <v>2450</v>
      </c>
      <c r="D813" s="6" t="s">
        <v>528</v>
      </c>
      <c r="E813" s="7" t="s">
        <v>2451</v>
      </c>
    </row>
    <row r="814" spans="1:5" s="8" customFormat="1" ht="28.5" customHeight="1" x14ac:dyDescent="0.15">
      <c r="A814" s="6" t="s">
        <v>2452</v>
      </c>
      <c r="B814" s="6">
        <v>4400454</v>
      </c>
      <c r="C814" s="7" t="s">
        <v>2017</v>
      </c>
      <c r="D814" s="6" t="s">
        <v>536</v>
      </c>
      <c r="E814" s="7" t="s">
        <v>2453</v>
      </c>
    </row>
    <row r="815" spans="1:5" s="8" customFormat="1" ht="28.5" customHeight="1" x14ac:dyDescent="0.15">
      <c r="A815" s="6" t="s">
        <v>2452</v>
      </c>
      <c r="B815" s="6">
        <v>4400850</v>
      </c>
      <c r="C815" s="7" t="s">
        <v>2454</v>
      </c>
      <c r="D815" s="6" t="s">
        <v>538</v>
      </c>
      <c r="E815" s="7" t="s">
        <v>2455</v>
      </c>
    </row>
    <row r="816" spans="1:5" s="8" customFormat="1" ht="28.5" customHeight="1" x14ac:dyDescent="0.15">
      <c r="A816" s="6" t="s">
        <v>2452</v>
      </c>
      <c r="B816" s="6">
        <v>4400892</v>
      </c>
      <c r="C816" s="7" t="s">
        <v>2456</v>
      </c>
      <c r="D816" s="6" t="s">
        <v>536</v>
      </c>
      <c r="E816" s="7" t="s">
        <v>2457</v>
      </c>
    </row>
    <row r="817" spans="1:5" s="8" customFormat="1" ht="28.5" customHeight="1" x14ac:dyDescent="0.15">
      <c r="A817" s="6" t="s">
        <v>2452</v>
      </c>
      <c r="B817" s="6">
        <v>4401098</v>
      </c>
      <c r="C817" s="7" t="s">
        <v>2458</v>
      </c>
      <c r="D817" s="6" t="s">
        <v>539</v>
      </c>
      <c r="E817" s="7" t="s">
        <v>2459</v>
      </c>
    </row>
    <row r="818" spans="1:5" s="8" customFormat="1" ht="28.5" customHeight="1" x14ac:dyDescent="0.15">
      <c r="A818" s="6" t="s">
        <v>2452</v>
      </c>
      <c r="B818" s="6">
        <v>4401148</v>
      </c>
      <c r="C818" s="7" t="s">
        <v>2460</v>
      </c>
      <c r="D818" s="6" t="s">
        <v>540</v>
      </c>
      <c r="E818" s="7" t="s">
        <v>2461</v>
      </c>
    </row>
    <row r="819" spans="1:5" s="8" customFormat="1" ht="28.5" customHeight="1" x14ac:dyDescent="0.15">
      <c r="A819" s="6" t="s">
        <v>2452</v>
      </c>
      <c r="B819" s="6">
        <v>4401155</v>
      </c>
      <c r="C819" s="7" t="s">
        <v>2462</v>
      </c>
      <c r="D819" s="6" t="s">
        <v>541</v>
      </c>
      <c r="E819" s="7" t="s">
        <v>2463</v>
      </c>
    </row>
    <row r="820" spans="1:5" s="8" customFormat="1" ht="28.5" customHeight="1" x14ac:dyDescent="0.15">
      <c r="A820" s="6" t="s">
        <v>2452</v>
      </c>
      <c r="B820" s="6">
        <v>4401205</v>
      </c>
      <c r="C820" s="7" t="s">
        <v>895</v>
      </c>
      <c r="D820" s="6" t="s">
        <v>536</v>
      </c>
      <c r="E820" s="7" t="s">
        <v>2464</v>
      </c>
    </row>
    <row r="821" spans="1:5" s="8" customFormat="1" ht="28.5" customHeight="1" x14ac:dyDescent="0.15">
      <c r="A821" s="6" t="s">
        <v>2452</v>
      </c>
      <c r="B821" s="6">
        <v>4401221</v>
      </c>
      <c r="C821" s="7" t="s">
        <v>2046</v>
      </c>
      <c r="D821" s="6" t="s">
        <v>542</v>
      </c>
      <c r="E821" s="7" t="s">
        <v>2465</v>
      </c>
    </row>
    <row r="822" spans="1:5" s="8" customFormat="1" ht="28.5" customHeight="1" x14ac:dyDescent="0.15">
      <c r="A822" s="6" t="s">
        <v>2452</v>
      </c>
      <c r="B822" s="6">
        <v>4401254</v>
      </c>
      <c r="C822" s="7" t="s">
        <v>543</v>
      </c>
      <c r="D822" s="6" t="s">
        <v>544</v>
      </c>
      <c r="E822" s="7" t="s">
        <v>2466</v>
      </c>
    </row>
    <row r="823" spans="1:5" s="8" customFormat="1" ht="28.5" customHeight="1" x14ac:dyDescent="0.15">
      <c r="A823" s="6" t="s">
        <v>2452</v>
      </c>
      <c r="B823" s="6">
        <v>4401304</v>
      </c>
      <c r="C823" s="7" t="s">
        <v>2467</v>
      </c>
      <c r="D823" s="6" t="s">
        <v>544</v>
      </c>
      <c r="E823" s="7" t="s">
        <v>2468</v>
      </c>
    </row>
    <row r="824" spans="1:5" s="8" customFormat="1" ht="28.5" customHeight="1" x14ac:dyDescent="0.15">
      <c r="A824" s="6" t="s">
        <v>2452</v>
      </c>
      <c r="B824" s="6">
        <v>4401379</v>
      </c>
      <c r="C824" s="7" t="s">
        <v>848</v>
      </c>
      <c r="D824" s="6" t="s">
        <v>545</v>
      </c>
      <c r="E824" s="7" t="s">
        <v>2469</v>
      </c>
    </row>
    <row r="825" spans="1:5" s="8" customFormat="1" ht="28.5" customHeight="1" x14ac:dyDescent="0.15">
      <c r="A825" s="6" t="s">
        <v>2452</v>
      </c>
      <c r="B825" s="6">
        <v>4401387</v>
      </c>
      <c r="C825" s="7" t="s">
        <v>1419</v>
      </c>
      <c r="D825" s="6" t="s">
        <v>545</v>
      </c>
      <c r="E825" s="7" t="s">
        <v>2470</v>
      </c>
    </row>
    <row r="826" spans="1:5" s="8" customFormat="1" ht="28.5" customHeight="1" x14ac:dyDescent="0.15">
      <c r="A826" s="6" t="s">
        <v>2452</v>
      </c>
      <c r="B826" s="6">
        <v>4401395</v>
      </c>
      <c r="C826" s="7" t="s">
        <v>2471</v>
      </c>
      <c r="D826" s="6" t="s">
        <v>545</v>
      </c>
      <c r="E826" s="7" t="s">
        <v>2472</v>
      </c>
    </row>
    <row r="827" spans="1:5" s="8" customFormat="1" ht="28.5" customHeight="1" x14ac:dyDescent="0.15">
      <c r="A827" s="6" t="s">
        <v>2452</v>
      </c>
      <c r="B827" s="6" t="s">
        <v>546</v>
      </c>
      <c r="C827" s="7" t="s">
        <v>2473</v>
      </c>
      <c r="D827" s="6" t="s">
        <v>536</v>
      </c>
      <c r="E827" s="7" t="s">
        <v>2474</v>
      </c>
    </row>
    <row r="828" spans="1:5" s="8" customFormat="1" ht="28.5" customHeight="1" x14ac:dyDescent="0.15">
      <c r="A828" s="6" t="s">
        <v>2452</v>
      </c>
      <c r="B828" s="6">
        <v>4401460</v>
      </c>
      <c r="C828" s="7" t="s">
        <v>2475</v>
      </c>
      <c r="D828" s="6" t="s">
        <v>542</v>
      </c>
      <c r="E828" s="7" t="s">
        <v>2476</v>
      </c>
    </row>
    <row r="829" spans="1:5" s="8" customFormat="1" ht="28.5" customHeight="1" x14ac:dyDescent="0.15">
      <c r="A829" s="6" t="s">
        <v>2452</v>
      </c>
      <c r="B829" s="6">
        <v>4401486</v>
      </c>
      <c r="C829" s="7" t="s">
        <v>2477</v>
      </c>
      <c r="D829" s="6" t="s">
        <v>547</v>
      </c>
      <c r="E829" s="7" t="s">
        <v>2478</v>
      </c>
    </row>
    <row r="830" spans="1:5" s="8" customFormat="1" ht="28.5" customHeight="1" x14ac:dyDescent="0.15">
      <c r="A830" s="6" t="s">
        <v>2452</v>
      </c>
      <c r="B830" s="6">
        <v>4401528</v>
      </c>
      <c r="C830" s="7" t="s">
        <v>2175</v>
      </c>
      <c r="D830" s="6" t="s">
        <v>536</v>
      </c>
      <c r="E830" s="7" t="s">
        <v>2479</v>
      </c>
    </row>
    <row r="831" spans="1:5" s="8" customFormat="1" ht="28.5" customHeight="1" x14ac:dyDescent="0.15">
      <c r="A831" s="6" t="s">
        <v>2452</v>
      </c>
      <c r="B831" s="6">
        <v>4401544</v>
      </c>
      <c r="C831" s="7" t="s">
        <v>2480</v>
      </c>
      <c r="D831" s="6" t="s">
        <v>16</v>
      </c>
      <c r="E831" s="7" t="s">
        <v>2481</v>
      </c>
    </row>
    <row r="832" spans="1:5" s="8" customFormat="1" ht="28.5" customHeight="1" x14ac:dyDescent="0.15">
      <c r="A832" s="6" t="s">
        <v>2452</v>
      </c>
      <c r="B832" s="6">
        <v>4401551</v>
      </c>
      <c r="C832" s="7" t="s">
        <v>2482</v>
      </c>
      <c r="D832" s="6" t="s">
        <v>548</v>
      </c>
      <c r="E832" s="7" t="s">
        <v>2483</v>
      </c>
    </row>
    <row r="833" spans="1:5" s="8" customFormat="1" ht="28.5" customHeight="1" x14ac:dyDescent="0.15">
      <c r="A833" s="6" t="s">
        <v>2452</v>
      </c>
      <c r="B833" s="6">
        <v>4401577</v>
      </c>
      <c r="C833" s="7" t="s">
        <v>2484</v>
      </c>
      <c r="D833" s="6" t="s">
        <v>537</v>
      </c>
      <c r="E833" s="7" t="s">
        <v>2485</v>
      </c>
    </row>
    <row r="834" spans="1:5" s="8" customFormat="1" ht="28.5" customHeight="1" x14ac:dyDescent="0.15">
      <c r="A834" s="6" t="s">
        <v>2452</v>
      </c>
      <c r="B834" s="6">
        <v>4401619</v>
      </c>
      <c r="C834" s="7" t="s">
        <v>2486</v>
      </c>
      <c r="D834" s="6" t="s">
        <v>545</v>
      </c>
      <c r="E834" s="7" t="s">
        <v>2487</v>
      </c>
    </row>
    <row r="835" spans="1:5" s="8" customFormat="1" ht="28.5" customHeight="1" x14ac:dyDescent="0.15">
      <c r="A835" s="6" t="s">
        <v>2452</v>
      </c>
      <c r="B835" s="6">
        <v>4401643</v>
      </c>
      <c r="C835" s="7" t="s">
        <v>2477</v>
      </c>
      <c r="D835" s="6" t="s">
        <v>540</v>
      </c>
      <c r="E835" s="7" t="s">
        <v>2488</v>
      </c>
    </row>
    <row r="836" spans="1:5" s="8" customFormat="1" ht="28.5" customHeight="1" x14ac:dyDescent="0.15">
      <c r="A836" s="6" t="s">
        <v>2452</v>
      </c>
      <c r="B836" s="6">
        <v>4401668</v>
      </c>
      <c r="C836" s="7" t="s">
        <v>2489</v>
      </c>
      <c r="D836" s="6" t="s">
        <v>545</v>
      </c>
      <c r="E836" s="7" t="s">
        <v>2490</v>
      </c>
    </row>
    <row r="837" spans="1:5" s="8" customFormat="1" ht="28.5" customHeight="1" x14ac:dyDescent="0.15">
      <c r="A837" s="6" t="s">
        <v>2452</v>
      </c>
      <c r="B837" s="6">
        <v>4401684</v>
      </c>
      <c r="C837" s="7" t="s">
        <v>2491</v>
      </c>
      <c r="D837" s="6" t="s">
        <v>539</v>
      </c>
      <c r="E837" s="7" t="s">
        <v>2492</v>
      </c>
    </row>
    <row r="838" spans="1:5" s="8" customFormat="1" ht="28.5" customHeight="1" x14ac:dyDescent="0.15">
      <c r="A838" s="6" t="s">
        <v>2452</v>
      </c>
      <c r="B838" s="6">
        <v>4401700</v>
      </c>
      <c r="C838" s="7" t="s">
        <v>2493</v>
      </c>
      <c r="D838" s="6" t="s">
        <v>549</v>
      </c>
      <c r="E838" s="7" t="s">
        <v>2494</v>
      </c>
    </row>
    <row r="839" spans="1:5" s="8" customFormat="1" ht="28.5" customHeight="1" x14ac:dyDescent="0.15">
      <c r="A839" s="6" t="s">
        <v>2452</v>
      </c>
      <c r="B839" s="6">
        <v>4401718</v>
      </c>
      <c r="C839" s="7" t="s">
        <v>550</v>
      </c>
      <c r="D839" s="6" t="s">
        <v>544</v>
      </c>
      <c r="E839" s="7" t="s">
        <v>2495</v>
      </c>
    </row>
    <row r="840" spans="1:5" s="8" customFormat="1" ht="28.5" customHeight="1" x14ac:dyDescent="0.15">
      <c r="A840" s="6" t="s">
        <v>2452</v>
      </c>
      <c r="B840" s="6">
        <v>4401734</v>
      </c>
      <c r="C840" s="7" t="s">
        <v>888</v>
      </c>
      <c r="D840" s="6" t="s">
        <v>547</v>
      </c>
      <c r="E840" s="7" t="s">
        <v>2496</v>
      </c>
    </row>
    <row r="841" spans="1:5" s="8" customFormat="1" ht="28.5" customHeight="1" x14ac:dyDescent="0.15">
      <c r="A841" s="6" t="s">
        <v>2452</v>
      </c>
      <c r="B841" s="6">
        <v>4401742</v>
      </c>
      <c r="C841" s="7" t="s">
        <v>2497</v>
      </c>
      <c r="D841" s="6" t="s">
        <v>536</v>
      </c>
      <c r="E841" s="7" t="s">
        <v>2498</v>
      </c>
    </row>
    <row r="842" spans="1:5" s="8" customFormat="1" ht="28.5" customHeight="1" x14ac:dyDescent="0.15">
      <c r="A842" s="6" t="s">
        <v>2452</v>
      </c>
      <c r="B842" s="6">
        <v>4401767</v>
      </c>
      <c r="C842" s="7" t="s">
        <v>2499</v>
      </c>
      <c r="D842" s="6" t="s">
        <v>539</v>
      </c>
      <c r="E842" s="7" t="s">
        <v>2500</v>
      </c>
    </row>
    <row r="843" spans="1:5" s="8" customFormat="1" ht="28.5" customHeight="1" x14ac:dyDescent="0.15">
      <c r="A843" s="6" t="s">
        <v>2452</v>
      </c>
      <c r="B843" s="6" t="s">
        <v>551</v>
      </c>
      <c r="C843" s="7" t="s">
        <v>2082</v>
      </c>
      <c r="D843" s="6" t="s">
        <v>552</v>
      </c>
      <c r="E843" s="7" t="s">
        <v>2501</v>
      </c>
    </row>
    <row r="844" spans="1:5" s="8" customFormat="1" ht="28.5" customHeight="1" x14ac:dyDescent="0.15">
      <c r="A844" s="6" t="s">
        <v>2452</v>
      </c>
      <c r="B844" s="6">
        <v>4401841</v>
      </c>
      <c r="C844" s="7" t="s">
        <v>2502</v>
      </c>
      <c r="D844" s="6" t="s">
        <v>540</v>
      </c>
      <c r="E844" s="7" t="s">
        <v>2503</v>
      </c>
    </row>
    <row r="845" spans="1:5" s="8" customFormat="1" ht="28.5" customHeight="1" x14ac:dyDescent="0.15">
      <c r="A845" s="6" t="s">
        <v>2452</v>
      </c>
      <c r="B845" s="6">
        <v>4401858</v>
      </c>
      <c r="C845" s="7" t="s">
        <v>2504</v>
      </c>
      <c r="D845" s="6" t="s">
        <v>537</v>
      </c>
      <c r="E845" s="7" t="s">
        <v>2505</v>
      </c>
    </row>
    <row r="846" spans="1:5" s="8" customFormat="1" ht="28.5" customHeight="1" x14ac:dyDescent="0.15">
      <c r="A846" s="6" t="s">
        <v>2452</v>
      </c>
      <c r="B846" s="6">
        <v>4401866</v>
      </c>
      <c r="C846" s="7" t="s">
        <v>2506</v>
      </c>
      <c r="D846" s="6" t="s">
        <v>540</v>
      </c>
      <c r="E846" s="7" t="s">
        <v>2507</v>
      </c>
    </row>
    <row r="847" spans="1:5" s="8" customFormat="1" ht="28.5" customHeight="1" x14ac:dyDescent="0.15">
      <c r="A847" s="6" t="s">
        <v>2452</v>
      </c>
      <c r="B847" s="6">
        <v>4401916</v>
      </c>
      <c r="C847" s="7" t="s">
        <v>2508</v>
      </c>
      <c r="D847" s="6" t="s">
        <v>545</v>
      </c>
      <c r="E847" s="7" t="s">
        <v>2509</v>
      </c>
    </row>
    <row r="848" spans="1:5" s="8" customFormat="1" ht="28.5" customHeight="1" x14ac:dyDescent="0.15">
      <c r="A848" s="6" t="s">
        <v>2452</v>
      </c>
      <c r="B848" s="6">
        <v>4401924</v>
      </c>
      <c r="C848" s="7" t="s">
        <v>2510</v>
      </c>
      <c r="D848" s="6" t="s">
        <v>16</v>
      </c>
      <c r="E848" s="7" t="s">
        <v>2511</v>
      </c>
    </row>
    <row r="849" spans="1:5" s="8" customFormat="1" ht="28.5" customHeight="1" x14ac:dyDescent="0.15">
      <c r="A849" s="6" t="s">
        <v>2452</v>
      </c>
      <c r="B849" s="6" t="s">
        <v>553</v>
      </c>
      <c r="C849" s="7" t="s">
        <v>2512</v>
      </c>
      <c r="D849" s="6" t="s">
        <v>536</v>
      </c>
      <c r="E849" s="7" t="s">
        <v>2513</v>
      </c>
    </row>
    <row r="850" spans="1:5" s="8" customFormat="1" ht="28.5" customHeight="1" x14ac:dyDescent="0.15">
      <c r="A850" s="6" t="s">
        <v>2452</v>
      </c>
      <c r="B850" s="6">
        <v>4401981</v>
      </c>
      <c r="C850" s="7" t="s">
        <v>1487</v>
      </c>
      <c r="D850" s="6" t="s">
        <v>540</v>
      </c>
      <c r="E850" s="7" t="s">
        <v>2514</v>
      </c>
    </row>
    <row r="851" spans="1:5" s="8" customFormat="1" ht="28.5" customHeight="1" x14ac:dyDescent="0.15">
      <c r="A851" s="6" t="s">
        <v>2452</v>
      </c>
      <c r="B851" s="6">
        <v>4402005</v>
      </c>
      <c r="C851" s="7" t="s">
        <v>2515</v>
      </c>
      <c r="D851" s="6" t="s">
        <v>74</v>
      </c>
      <c r="E851" s="7" t="s">
        <v>2516</v>
      </c>
    </row>
    <row r="852" spans="1:5" s="8" customFormat="1" ht="28.5" customHeight="1" x14ac:dyDescent="0.15">
      <c r="A852" s="6" t="s">
        <v>2452</v>
      </c>
      <c r="B852" s="6">
        <v>4402021</v>
      </c>
      <c r="C852" s="7" t="s">
        <v>2517</v>
      </c>
      <c r="D852" s="6" t="s">
        <v>552</v>
      </c>
      <c r="E852" s="7" t="s">
        <v>2518</v>
      </c>
    </row>
    <row r="853" spans="1:5" s="8" customFormat="1" ht="28.5" customHeight="1" x14ac:dyDescent="0.15">
      <c r="A853" s="6" t="s">
        <v>2452</v>
      </c>
      <c r="B853" s="6">
        <v>4402054</v>
      </c>
      <c r="C853" s="7" t="s">
        <v>2519</v>
      </c>
      <c r="D853" s="6" t="s">
        <v>542</v>
      </c>
      <c r="E853" s="7" t="s">
        <v>2520</v>
      </c>
    </row>
    <row r="854" spans="1:5" s="8" customFormat="1" ht="28.5" customHeight="1" x14ac:dyDescent="0.15">
      <c r="A854" s="6" t="s">
        <v>2452</v>
      </c>
      <c r="B854" s="6" t="s">
        <v>554</v>
      </c>
      <c r="C854" s="7" t="s">
        <v>2521</v>
      </c>
      <c r="D854" s="6" t="s">
        <v>536</v>
      </c>
      <c r="E854" s="7" t="s">
        <v>2522</v>
      </c>
    </row>
    <row r="855" spans="1:5" s="8" customFormat="1" ht="28.5" customHeight="1" x14ac:dyDescent="0.15">
      <c r="A855" s="6" t="s">
        <v>2452</v>
      </c>
      <c r="B855" s="6" t="s">
        <v>555</v>
      </c>
      <c r="C855" s="7" t="s">
        <v>2523</v>
      </c>
      <c r="D855" s="6" t="s">
        <v>552</v>
      </c>
      <c r="E855" s="7" t="s">
        <v>2524</v>
      </c>
    </row>
    <row r="856" spans="1:5" s="8" customFormat="1" ht="28.5" customHeight="1" x14ac:dyDescent="0.15">
      <c r="A856" s="6" t="s">
        <v>2452</v>
      </c>
      <c r="B856" s="6" t="s">
        <v>556</v>
      </c>
      <c r="C856" s="7" t="s">
        <v>2525</v>
      </c>
      <c r="D856" s="6" t="s">
        <v>552</v>
      </c>
      <c r="E856" s="7" t="s">
        <v>2526</v>
      </c>
    </row>
    <row r="857" spans="1:5" s="8" customFormat="1" ht="28.5" customHeight="1" x14ac:dyDescent="0.15">
      <c r="A857" s="6" t="s">
        <v>2452</v>
      </c>
      <c r="B857" s="6" t="s">
        <v>557</v>
      </c>
      <c r="C857" s="7" t="s">
        <v>2527</v>
      </c>
      <c r="D857" s="6" t="s">
        <v>544</v>
      </c>
      <c r="E857" s="7" t="s">
        <v>2528</v>
      </c>
    </row>
    <row r="858" spans="1:5" s="8" customFormat="1" ht="28.5" customHeight="1" x14ac:dyDescent="0.15">
      <c r="A858" s="6" t="s">
        <v>2452</v>
      </c>
      <c r="B858" s="6" t="s">
        <v>558</v>
      </c>
      <c r="C858" s="7" t="s">
        <v>2529</v>
      </c>
      <c r="D858" s="6" t="s">
        <v>542</v>
      </c>
      <c r="E858" s="7" t="s">
        <v>2530</v>
      </c>
    </row>
    <row r="859" spans="1:5" s="8" customFormat="1" ht="28.5" customHeight="1" x14ac:dyDescent="0.15">
      <c r="A859" s="6" t="s">
        <v>2452</v>
      </c>
      <c r="B859" s="6" t="s">
        <v>559</v>
      </c>
      <c r="C859" s="7" t="s">
        <v>2531</v>
      </c>
      <c r="D859" s="6" t="s">
        <v>542</v>
      </c>
      <c r="E859" s="7" t="s">
        <v>2532</v>
      </c>
    </row>
    <row r="860" spans="1:5" s="8" customFormat="1" ht="28.5" customHeight="1" x14ac:dyDescent="0.15">
      <c r="A860" s="6" t="s">
        <v>2452</v>
      </c>
      <c r="B860" s="6" t="s">
        <v>560</v>
      </c>
      <c r="C860" s="7" t="s">
        <v>1487</v>
      </c>
      <c r="D860" s="6" t="s">
        <v>537</v>
      </c>
      <c r="E860" s="7" t="s">
        <v>2533</v>
      </c>
    </row>
    <row r="861" spans="1:5" s="8" customFormat="1" ht="28.5" customHeight="1" x14ac:dyDescent="0.15">
      <c r="A861" s="6" t="s">
        <v>2452</v>
      </c>
      <c r="B861" s="6" t="s">
        <v>561</v>
      </c>
      <c r="C861" s="7" t="s">
        <v>2534</v>
      </c>
      <c r="D861" s="6" t="s">
        <v>549</v>
      </c>
      <c r="E861" s="7" t="s">
        <v>2535</v>
      </c>
    </row>
    <row r="862" spans="1:5" s="8" customFormat="1" ht="28.5" customHeight="1" x14ac:dyDescent="0.15">
      <c r="A862" s="6" t="s">
        <v>2452</v>
      </c>
      <c r="B862" s="6" t="s">
        <v>562</v>
      </c>
      <c r="C862" s="7" t="s">
        <v>1868</v>
      </c>
      <c r="D862" s="6" t="s">
        <v>539</v>
      </c>
      <c r="E862" s="7" t="s">
        <v>2536</v>
      </c>
    </row>
    <row r="863" spans="1:5" s="8" customFormat="1" ht="28.5" customHeight="1" x14ac:dyDescent="0.15">
      <c r="A863" s="6" t="s">
        <v>2452</v>
      </c>
      <c r="B863" s="6">
        <v>4402203</v>
      </c>
      <c r="C863" s="7" t="s">
        <v>1177</v>
      </c>
      <c r="D863" s="6" t="s">
        <v>544</v>
      </c>
      <c r="E863" s="7" t="s">
        <v>2537</v>
      </c>
    </row>
    <row r="864" spans="1:5" s="8" customFormat="1" ht="28.5" customHeight="1" x14ac:dyDescent="0.15">
      <c r="A864" s="6" t="s">
        <v>2452</v>
      </c>
      <c r="B864" s="6">
        <v>4402211</v>
      </c>
      <c r="C864" s="7" t="s">
        <v>2538</v>
      </c>
      <c r="D864" s="6" t="s">
        <v>563</v>
      </c>
      <c r="E864" s="7" t="s">
        <v>2539</v>
      </c>
    </row>
    <row r="865" spans="1:5" s="8" customFormat="1" ht="28.5" customHeight="1" x14ac:dyDescent="0.15">
      <c r="A865" s="6" t="s">
        <v>2452</v>
      </c>
      <c r="B865" s="6">
        <v>4402252</v>
      </c>
      <c r="C865" s="7" t="s">
        <v>3413</v>
      </c>
      <c r="D865" s="6" t="s">
        <v>563</v>
      </c>
      <c r="E865" s="7" t="s">
        <v>2540</v>
      </c>
    </row>
    <row r="866" spans="1:5" s="8" customFormat="1" ht="28.5" customHeight="1" x14ac:dyDescent="0.15">
      <c r="A866" s="6" t="s">
        <v>2452</v>
      </c>
      <c r="B866" s="6">
        <v>4402260</v>
      </c>
      <c r="C866" s="7" t="s">
        <v>2541</v>
      </c>
      <c r="D866" s="6" t="s">
        <v>541</v>
      </c>
      <c r="E866" s="7" t="s">
        <v>2542</v>
      </c>
    </row>
    <row r="867" spans="1:5" s="8" customFormat="1" ht="28.5" customHeight="1" x14ac:dyDescent="0.15">
      <c r="A867" s="6" t="s">
        <v>2452</v>
      </c>
      <c r="B867" s="6">
        <v>4402278</v>
      </c>
      <c r="C867" s="7" t="s">
        <v>2543</v>
      </c>
      <c r="D867" s="6" t="s">
        <v>541</v>
      </c>
      <c r="E867" s="7" t="s">
        <v>2544</v>
      </c>
    </row>
    <row r="868" spans="1:5" s="8" customFormat="1" ht="28.5" customHeight="1" x14ac:dyDescent="0.15">
      <c r="A868" s="6" t="s">
        <v>2452</v>
      </c>
      <c r="B868" s="6">
        <v>4402286</v>
      </c>
      <c r="C868" s="7" t="s">
        <v>2545</v>
      </c>
      <c r="D868" s="6" t="s">
        <v>549</v>
      </c>
      <c r="E868" s="7" t="s">
        <v>2546</v>
      </c>
    </row>
    <row r="869" spans="1:5" s="8" customFormat="1" ht="28.5" customHeight="1" x14ac:dyDescent="0.15">
      <c r="A869" s="6" t="s">
        <v>2452</v>
      </c>
      <c r="B869" s="6" t="s">
        <v>564</v>
      </c>
      <c r="C869" s="7" t="s">
        <v>2547</v>
      </c>
      <c r="D869" s="6" t="s">
        <v>539</v>
      </c>
      <c r="E869" s="7" t="s">
        <v>2548</v>
      </c>
    </row>
    <row r="870" spans="1:5" s="8" customFormat="1" ht="28.5" customHeight="1" x14ac:dyDescent="0.15">
      <c r="A870" s="6" t="s">
        <v>2452</v>
      </c>
      <c r="B870" s="6" t="s">
        <v>565</v>
      </c>
      <c r="C870" s="7" t="s">
        <v>2549</v>
      </c>
      <c r="D870" s="6" t="s">
        <v>540</v>
      </c>
      <c r="E870" s="7" t="s">
        <v>2550</v>
      </c>
    </row>
    <row r="871" spans="1:5" s="8" customFormat="1" ht="28.5" customHeight="1" x14ac:dyDescent="0.15">
      <c r="A871" s="6" t="s">
        <v>2452</v>
      </c>
      <c r="B871" s="6" t="s">
        <v>566</v>
      </c>
      <c r="C871" s="7" t="s">
        <v>2551</v>
      </c>
      <c r="D871" s="6" t="s">
        <v>537</v>
      </c>
      <c r="E871" s="7" t="s">
        <v>2552</v>
      </c>
    </row>
    <row r="872" spans="1:5" s="8" customFormat="1" ht="28.5" customHeight="1" x14ac:dyDescent="0.15">
      <c r="A872" s="6" t="s">
        <v>2452</v>
      </c>
      <c r="B872" s="6" t="s">
        <v>567</v>
      </c>
      <c r="C872" s="7" t="s">
        <v>2551</v>
      </c>
      <c r="D872" s="6" t="s">
        <v>568</v>
      </c>
      <c r="E872" s="7" t="s">
        <v>2553</v>
      </c>
    </row>
    <row r="873" spans="1:5" s="8" customFormat="1" ht="28.5" customHeight="1" x14ac:dyDescent="0.15">
      <c r="A873" s="6" t="s">
        <v>2452</v>
      </c>
      <c r="B873" s="6">
        <v>4402351</v>
      </c>
      <c r="C873" s="7" t="s">
        <v>2554</v>
      </c>
      <c r="D873" s="6" t="s">
        <v>568</v>
      </c>
      <c r="E873" s="7" t="s">
        <v>2555</v>
      </c>
    </row>
    <row r="874" spans="1:5" s="8" customFormat="1" ht="28.5" customHeight="1" x14ac:dyDescent="0.15">
      <c r="A874" s="6" t="s">
        <v>2452</v>
      </c>
      <c r="B874" s="6" t="s">
        <v>569</v>
      </c>
      <c r="C874" s="7" t="s">
        <v>2556</v>
      </c>
      <c r="D874" s="6" t="s">
        <v>540</v>
      </c>
      <c r="E874" s="7" t="s">
        <v>2557</v>
      </c>
    </row>
    <row r="875" spans="1:5" s="8" customFormat="1" ht="28.5" customHeight="1" x14ac:dyDescent="0.15">
      <c r="A875" s="6" t="s">
        <v>2558</v>
      </c>
      <c r="B875" s="6" t="s">
        <v>2559</v>
      </c>
      <c r="C875" s="7" t="s">
        <v>3414</v>
      </c>
      <c r="D875" s="6" t="s">
        <v>542</v>
      </c>
      <c r="E875" s="7" t="s">
        <v>2560</v>
      </c>
    </row>
    <row r="876" spans="1:5" s="8" customFormat="1" ht="28.5" customHeight="1" x14ac:dyDescent="0.15">
      <c r="A876" s="6" t="s">
        <v>2452</v>
      </c>
      <c r="B876" s="6" t="s">
        <v>2561</v>
      </c>
      <c r="C876" s="7" t="s">
        <v>1960</v>
      </c>
      <c r="D876" s="6" t="s">
        <v>536</v>
      </c>
      <c r="E876" s="7" t="s">
        <v>2562</v>
      </c>
    </row>
    <row r="877" spans="1:5" s="8" customFormat="1" ht="28.5" customHeight="1" x14ac:dyDescent="0.15">
      <c r="A877" s="6" t="s">
        <v>2563</v>
      </c>
      <c r="B877" s="6" t="s">
        <v>2564</v>
      </c>
      <c r="C877" s="7" t="s">
        <v>2565</v>
      </c>
      <c r="D877" s="6" t="s">
        <v>74</v>
      </c>
      <c r="E877" s="7" t="s">
        <v>2566</v>
      </c>
    </row>
    <row r="878" spans="1:5" s="8" customFormat="1" ht="28.5" customHeight="1" x14ac:dyDescent="0.15">
      <c r="A878" s="6" t="s">
        <v>2563</v>
      </c>
      <c r="B878" s="6" t="s">
        <v>2567</v>
      </c>
      <c r="C878" s="7" t="s">
        <v>2285</v>
      </c>
      <c r="D878" s="6" t="s">
        <v>552</v>
      </c>
      <c r="E878" s="7" t="s">
        <v>2568</v>
      </c>
    </row>
    <row r="879" spans="1:5" s="8" customFormat="1" ht="28.5" customHeight="1" x14ac:dyDescent="0.15">
      <c r="A879" s="6" t="s">
        <v>2563</v>
      </c>
      <c r="B879" s="6" t="s">
        <v>2569</v>
      </c>
      <c r="C879" s="7" t="s">
        <v>2570</v>
      </c>
      <c r="D879" s="6" t="s">
        <v>542</v>
      </c>
      <c r="E879" s="7" t="s">
        <v>2571</v>
      </c>
    </row>
    <row r="880" spans="1:5" s="8" customFormat="1" ht="28.5" customHeight="1" x14ac:dyDescent="0.15">
      <c r="A880" s="6" t="s">
        <v>2572</v>
      </c>
      <c r="B880" s="6">
        <v>9200966</v>
      </c>
      <c r="C880" s="7" t="s">
        <v>2573</v>
      </c>
      <c r="D880" s="6" t="s">
        <v>570</v>
      </c>
      <c r="E880" s="7" t="s">
        <v>2574</v>
      </c>
    </row>
    <row r="881" spans="1:5" s="8" customFormat="1" ht="28.5" customHeight="1" x14ac:dyDescent="0.15">
      <c r="A881" s="6" t="s">
        <v>2572</v>
      </c>
      <c r="B881" s="6" t="s">
        <v>2575</v>
      </c>
      <c r="C881" s="7" t="s">
        <v>2576</v>
      </c>
      <c r="D881" s="6" t="s">
        <v>571</v>
      </c>
      <c r="E881" s="7" t="s">
        <v>2577</v>
      </c>
    </row>
    <row r="882" spans="1:5" s="8" customFormat="1" ht="28.5" customHeight="1" x14ac:dyDescent="0.15">
      <c r="A882" s="6" t="s">
        <v>2572</v>
      </c>
      <c r="B882" s="6">
        <v>9201030</v>
      </c>
      <c r="C882" s="7" t="s">
        <v>2578</v>
      </c>
      <c r="D882" s="6" t="s">
        <v>572</v>
      </c>
      <c r="E882" s="7" t="s">
        <v>2579</v>
      </c>
    </row>
    <row r="883" spans="1:5" s="8" customFormat="1" ht="28.5" customHeight="1" x14ac:dyDescent="0.15">
      <c r="A883" s="6" t="s">
        <v>2572</v>
      </c>
      <c r="B883" s="6">
        <v>9201105</v>
      </c>
      <c r="C883" s="7" t="s">
        <v>1487</v>
      </c>
      <c r="D883" s="6" t="s">
        <v>571</v>
      </c>
      <c r="E883" s="7" t="s">
        <v>2580</v>
      </c>
    </row>
    <row r="884" spans="1:5" s="8" customFormat="1" ht="28.5" customHeight="1" x14ac:dyDescent="0.15">
      <c r="A884" s="6" t="s">
        <v>2572</v>
      </c>
      <c r="B884" s="6">
        <v>9201162</v>
      </c>
      <c r="C884" s="7" t="s">
        <v>2261</v>
      </c>
      <c r="D884" s="6" t="s">
        <v>572</v>
      </c>
      <c r="E884" s="7" t="s">
        <v>2581</v>
      </c>
    </row>
    <row r="885" spans="1:5" s="8" customFormat="1" ht="28.5" customHeight="1" x14ac:dyDescent="0.15">
      <c r="A885" s="6" t="s">
        <v>2572</v>
      </c>
      <c r="B885" s="6">
        <v>9201170</v>
      </c>
      <c r="C885" s="7" t="s">
        <v>2582</v>
      </c>
      <c r="D885" s="6" t="s">
        <v>573</v>
      </c>
      <c r="E885" s="7" t="s">
        <v>2583</v>
      </c>
    </row>
    <row r="886" spans="1:5" s="8" customFormat="1" ht="28.5" customHeight="1" x14ac:dyDescent="0.15">
      <c r="A886" s="6" t="s">
        <v>2572</v>
      </c>
      <c r="B886" s="6">
        <v>9201204</v>
      </c>
      <c r="C886" s="7" t="s">
        <v>2584</v>
      </c>
      <c r="D886" s="6" t="s">
        <v>570</v>
      </c>
      <c r="E886" s="7" t="s">
        <v>2585</v>
      </c>
    </row>
    <row r="887" spans="1:5" s="8" customFormat="1" ht="28.5" customHeight="1" x14ac:dyDescent="0.15">
      <c r="A887" s="6" t="s">
        <v>2572</v>
      </c>
      <c r="B887" s="6">
        <v>9201238</v>
      </c>
      <c r="C887" s="7" t="s">
        <v>1487</v>
      </c>
      <c r="D887" s="6" t="s">
        <v>574</v>
      </c>
      <c r="E887" s="7" t="s">
        <v>2586</v>
      </c>
    </row>
    <row r="888" spans="1:5" s="8" customFormat="1" ht="28.5" customHeight="1" x14ac:dyDescent="0.15">
      <c r="A888" s="6" t="s">
        <v>2572</v>
      </c>
      <c r="B888" s="6">
        <v>9201261</v>
      </c>
      <c r="C888" s="7" t="s">
        <v>2584</v>
      </c>
      <c r="D888" s="6" t="s">
        <v>571</v>
      </c>
      <c r="E888" s="7" t="s">
        <v>2587</v>
      </c>
    </row>
    <row r="889" spans="1:5" s="8" customFormat="1" ht="28.5" customHeight="1" x14ac:dyDescent="0.15">
      <c r="A889" s="6" t="s">
        <v>2572</v>
      </c>
      <c r="B889" s="6">
        <v>9201295</v>
      </c>
      <c r="C889" s="7" t="s">
        <v>2588</v>
      </c>
      <c r="D889" s="6" t="s">
        <v>571</v>
      </c>
      <c r="E889" s="7" t="s">
        <v>2589</v>
      </c>
    </row>
    <row r="890" spans="1:5" s="8" customFormat="1" ht="28.5" customHeight="1" x14ac:dyDescent="0.15">
      <c r="A890" s="6" t="s">
        <v>2572</v>
      </c>
      <c r="B890" s="6">
        <v>9201360</v>
      </c>
      <c r="C890" s="7" t="s">
        <v>2590</v>
      </c>
      <c r="D890" s="6" t="s">
        <v>572</v>
      </c>
      <c r="E890" s="7" t="s">
        <v>2591</v>
      </c>
    </row>
    <row r="891" spans="1:5" s="8" customFormat="1" ht="28.5" customHeight="1" x14ac:dyDescent="0.15">
      <c r="A891" s="6" t="s">
        <v>2572</v>
      </c>
      <c r="B891" s="6">
        <v>9201386</v>
      </c>
      <c r="C891" s="7" t="s">
        <v>2592</v>
      </c>
      <c r="D891" s="6" t="s">
        <v>572</v>
      </c>
      <c r="E891" s="7" t="s">
        <v>2593</v>
      </c>
    </row>
    <row r="892" spans="1:5" s="8" customFormat="1" ht="28.5" customHeight="1" x14ac:dyDescent="0.15">
      <c r="A892" s="6" t="s">
        <v>2572</v>
      </c>
      <c r="B892" s="6" t="s">
        <v>576</v>
      </c>
      <c r="C892" s="7" t="s">
        <v>1809</v>
      </c>
      <c r="D892" s="6" t="s">
        <v>571</v>
      </c>
      <c r="E892" s="7" t="s">
        <v>2594</v>
      </c>
    </row>
    <row r="893" spans="1:5" s="8" customFormat="1" ht="28.5" customHeight="1" x14ac:dyDescent="0.15">
      <c r="A893" s="6" t="s">
        <v>2572</v>
      </c>
      <c r="B893" s="6">
        <v>9201402</v>
      </c>
      <c r="C893" s="7" t="s">
        <v>2595</v>
      </c>
      <c r="D893" s="6" t="s">
        <v>575</v>
      </c>
      <c r="E893" s="7" t="s">
        <v>2596</v>
      </c>
    </row>
    <row r="894" spans="1:5" s="8" customFormat="1" ht="28.5" customHeight="1" x14ac:dyDescent="0.15">
      <c r="A894" s="6" t="s">
        <v>2572</v>
      </c>
      <c r="B894" s="6">
        <v>9201410</v>
      </c>
      <c r="C894" s="7" t="s">
        <v>2597</v>
      </c>
      <c r="D894" s="6" t="s">
        <v>577</v>
      </c>
      <c r="E894" s="7" t="s">
        <v>2598</v>
      </c>
    </row>
    <row r="895" spans="1:5" s="8" customFormat="1" ht="28.5" customHeight="1" x14ac:dyDescent="0.15">
      <c r="A895" s="6" t="s">
        <v>2572</v>
      </c>
      <c r="B895" s="6">
        <v>9201428</v>
      </c>
      <c r="C895" s="7" t="s">
        <v>2599</v>
      </c>
      <c r="D895" s="6" t="s">
        <v>570</v>
      </c>
      <c r="E895" s="7" t="s">
        <v>2600</v>
      </c>
    </row>
    <row r="896" spans="1:5" s="8" customFormat="1" ht="28.5" customHeight="1" x14ac:dyDescent="0.15">
      <c r="A896" s="6" t="s">
        <v>2572</v>
      </c>
      <c r="B896" s="6">
        <v>9201436</v>
      </c>
      <c r="C896" s="7" t="s">
        <v>2601</v>
      </c>
      <c r="D896" s="6" t="s">
        <v>572</v>
      </c>
      <c r="E896" s="7" t="s">
        <v>2602</v>
      </c>
    </row>
    <row r="897" spans="1:5" s="8" customFormat="1" ht="28.5" customHeight="1" x14ac:dyDescent="0.15">
      <c r="A897" s="6" t="s">
        <v>2572</v>
      </c>
      <c r="B897" s="6">
        <v>9201451</v>
      </c>
      <c r="C897" s="7" t="s">
        <v>2603</v>
      </c>
      <c r="D897" s="6" t="s">
        <v>578</v>
      </c>
      <c r="E897" s="7" t="s">
        <v>2604</v>
      </c>
    </row>
    <row r="898" spans="1:5" s="8" customFormat="1" ht="28.5" customHeight="1" x14ac:dyDescent="0.15">
      <c r="A898" s="6" t="s">
        <v>2572</v>
      </c>
      <c r="B898" s="6">
        <v>9201469</v>
      </c>
      <c r="C898" s="7" t="s">
        <v>579</v>
      </c>
      <c r="D898" s="6" t="s">
        <v>572</v>
      </c>
      <c r="E898" s="7" t="s">
        <v>2605</v>
      </c>
    </row>
    <row r="899" spans="1:5" s="8" customFormat="1" ht="28.5" customHeight="1" x14ac:dyDescent="0.15">
      <c r="A899" s="6" t="s">
        <v>2572</v>
      </c>
      <c r="B899" s="6">
        <v>9201485</v>
      </c>
      <c r="C899" s="7" t="s">
        <v>580</v>
      </c>
      <c r="D899" s="6" t="s">
        <v>577</v>
      </c>
      <c r="E899" s="7" t="s">
        <v>2606</v>
      </c>
    </row>
    <row r="900" spans="1:5" s="8" customFormat="1" ht="28.5" customHeight="1" x14ac:dyDescent="0.15">
      <c r="A900" s="6" t="s">
        <v>2572</v>
      </c>
      <c r="B900" s="6">
        <v>9201493</v>
      </c>
      <c r="C900" s="7" t="s">
        <v>2607</v>
      </c>
      <c r="D900" s="6" t="s">
        <v>575</v>
      </c>
      <c r="E900" s="7" t="s">
        <v>2608</v>
      </c>
    </row>
    <row r="901" spans="1:5" s="8" customFormat="1" ht="28.5" customHeight="1" x14ac:dyDescent="0.15">
      <c r="A901" s="6" t="s">
        <v>2572</v>
      </c>
      <c r="B901" s="6">
        <v>9201501</v>
      </c>
      <c r="C901" s="7" t="s">
        <v>2609</v>
      </c>
      <c r="D901" s="6" t="s">
        <v>574</v>
      </c>
      <c r="E901" s="7" t="s">
        <v>2610</v>
      </c>
    </row>
    <row r="902" spans="1:5" s="8" customFormat="1" ht="28.5" customHeight="1" x14ac:dyDescent="0.15">
      <c r="A902" s="6" t="s">
        <v>2572</v>
      </c>
      <c r="B902" s="6">
        <v>9201535</v>
      </c>
      <c r="C902" s="7" t="s">
        <v>2611</v>
      </c>
      <c r="D902" s="6" t="s">
        <v>571</v>
      </c>
      <c r="E902" s="7" t="s">
        <v>2612</v>
      </c>
    </row>
    <row r="903" spans="1:5" s="8" customFormat="1" ht="28.5" customHeight="1" x14ac:dyDescent="0.15">
      <c r="A903" s="6" t="s">
        <v>2572</v>
      </c>
      <c r="B903" s="6">
        <v>9201550</v>
      </c>
      <c r="C903" s="7" t="s">
        <v>2613</v>
      </c>
      <c r="D903" s="6" t="s">
        <v>571</v>
      </c>
      <c r="E903" s="7" t="s">
        <v>2614</v>
      </c>
    </row>
    <row r="904" spans="1:5" s="8" customFormat="1" ht="28.5" customHeight="1" x14ac:dyDescent="0.15">
      <c r="A904" s="6" t="s">
        <v>2572</v>
      </c>
      <c r="B904" s="6" t="s">
        <v>581</v>
      </c>
      <c r="C904" s="7" t="s">
        <v>2615</v>
      </c>
      <c r="D904" s="6" t="s">
        <v>577</v>
      </c>
      <c r="E904" s="7" t="s">
        <v>2616</v>
      </c>
    </row>
    <row r="905" spans="1:5" s="8" customFormat="1" ht="28.5" customHeight="1" x14ac:dyDescent="0.15">
      <c r="A905" s="6" t="s">
        <v>2572</v>
      </c>
      <c r="B905" s="6" t="s">
        <v>582</v>
      </c>
      <c r="C905" s="7" t="s">
        <v>2617</v>
      </c>
      <c r="D905" s="6" t="s">
        <v>577</v>
      </c>
      <c r="E905" s="7" t="s">
        <v>2618</v>
      </c>
    </row>
    <row r="906" spans="1:5" s="8" customFormat="1" ht="28.5" customHeight="1" x14ac:dyDescent="0.15">
      <c r="A906" s="6" t="s">
        <v>2572</v>
      </c>
      <c r="B906" s="6">
        <v>9201584</v>
      </c>
      <c r="C906" s="7" t="s">
        <v>2619</v>
      </c>
      <c r="D906" s="6" t="s">
        <v>577</v>
      </c>
      <c r="E906" s="7" t="s">
        <v>2620</v>
      </c>
    </row>
    <row r="907" spans="1:5" s="8" customFormat="1" ht="28.5" customHeight="1" x14ac:dyDescent="0.15">
      <c r="A907" s="6" t="s">
        <v>2572</v>
      </c>
      <c r="B907" s="6">
        <v>9201600</v>
      </c>
      <c r="C907" s="7" t="s">
        <v>2621</v>
      </c>
      <c r="D907" s="6" t="s">
        <v>583</v>
      </c>
      <c r="E907" s="7" t="s">
        <v>2622</v>
      </c>
    </row>
    <row r="908" spans="1:5" s="8" customFormat="1" ht="28.5" customHeight="1" x14ac:dyDescent="0.15">
      <c r="A908" s="6" t="s">
        <v>2572</v>
      </c>
      <c r="B908" s="6">
        <v>9201626</v>
      </c>
      <c r="C908" s="7" t="s">
        <v>2623</v>
      </c>
      <c r="D908" s="6" t="s">
        <v>584</v>
      </c>
      <c r="E908" s="7" t="s">
        <v>2624</v>
      </c>
    </row>
    <row r="909" spans="1:5" s="8" customFormat="1" ht="28.5" customHeight="1" x14ac:dyDescent="0.15">
      <c r="A909" s="6" t="s">
        <v>2572</v>
      </c>
      <c r="B909" s="6">
        <v>9201634</v>
      </c>
      <c r="C909" s="7" t="s">
        <v>2625</v>
      </c>
      <c r="D909" s="6" t="s">
        <v>577</v>
      </c>
      <c r="E909" s="7" t="s">
        <v>2626</v>
      </c>
    </row>
    <row r="910" spans="1:5" s="8" customFormat="1" ht="28.5" customHeight="1" x14ac:dyDescent="0.15">
      <c r="A910" s="6" t="s">
        <v>2572</v>
      </c>
      <c r="B910" s="6">
        <v>9201659</v>
      </c>
      <c r="C910" s="7" t="s">
        <v>2627</v>
      </c>
      <c r="D910" s="6" t="s">
        <v>575</v>
      </c>
      <c r="E910" s="7" t="s">
        <v>2628</v>
      </c>
    </row>
    <row r="911" spans="1:5" s="8" customFormat="1" ht="28.5" customHeight="1" x14ac:dyDescent="0.15">
      <c r="A911" s="6" t="s">
        <v>2572</v>
      </c>
      <c r="B911" s="6" t="s">
        <v>585</v>
      </c>
      <c r="C911" s="7" t="s">
        <v>2629</v>
      </c>
      <c r="D911" s="6" t="s">
        <v>570</v>
      </c>
      <c r="E911" s="7" t="s">
        <v>2630</v>
      </c>
    </row>
    <row r="912" spans="1:5" s="8" customFormat="1" ht="28.5" customHeight="1" x14ac:dyDescent="0.15">
      <c r="A912" s="6" t="s">
        <v>2572</v>
      </c>
      <c r="B912" s="6" t="s">
        <v>586</v>
      </c>
      <c r="C912" s="7" t="s">
        <v>2631</v>
      </c>
      <c r="D912" s="6" t="s">
        <v>573</v>
      </c>
      <c r="E912" s="7" t="s">
        <v>2632</v>
      </c>
    </row>
    <row r="913" spans="1:5" s="8" customFormat="1" ht="28.5" customHeight="1" x14ac:dyDescent="0.15">
      <c r="A913" s="6" t="s">
        <v>2572</v>
      </c>
      <c r="B913" s="6" t="s">
        <v>587</v>
      </c>
      <c r="C913" s="7" t="s">
        <v>2633</v>
      </c>
      <c r="D913" s="6" t="s">
        <v>577</v>
      </c>
      <c r="E913" s="7" t="s">
        <v>2634</v>
      </c>
    </row>
    <row r="914" spans="1:5" s="8" customFormat="1" ht="28.5" customHeight="1" x14ac:dyDescent="0.15">
      <c r="A914" s="6" t="s">
        <v>2572</v>
      </c>
      <c r="B914" s="6" t="s">
        <v>2635</v>
      </c>
      <c r="C914" s="7" t="s">
        <v>2636</v>
      </c>
      <c r="D914" s="6" t="s">
        <v>575</v>
      </c>
      <c r="E914" s="7" t="s">
        <v>2637</v>
      </c>
    </row>
    <row r="915" spans="1:5" s="8" customFormat="1" ht="28.5" customHeight="1" x14ac:dyDescent="0.15">
      <c r="A915" s="6" t="s">
        <v>2638</v>
      </c>
      <c r="B915" s="6" t="s">
        <v>2639</v>
      </c>
      <c r="C915" s="7" t="s">
        <v>2640</v>
      </c>
      <c r="D915" s="6" t="s">
        <v>575</v>
      </c>
      <c r="E915" s="7" t="s">
        <v>2641</v>
      </c>
    </row>
    <row r="916" spans="1:5" s="8" customFormat="1" ht="28.5" customHeight="1" x14ac:dyDescent="0.15">
      <c r="A916" s="6" t="s">
        <v>2638</v>
      </c>
      <c r="B916" s="6" t="s">
        <v>2642</v>
      </c>
      <c r="C916" s="7" t="s">
        <v>2643</v>
      </c>
      <c r="D916" s="6" t="s">
        <v>570</v>
      </c>
      <c r="E916" s="7" t="s">
        <v>2644</v>
      </c>
    </row>
    <row r="917" spans="1:5" s="8" customFormat="1" ht="28.5" customHeight="1" x14ac:dyDescent="0.15">
      <c r="A917" s="6" t="s">
        <v>2638</v>
      </c>
      <c r="B917" s="6" t="s">
        <v>2645</v>
      </c>
      <c r="C917" s="7" t="s">
        <v>2646</v>
      </c>
      <c r="D917" s="6" t="s">
        <v>572</v>
      </c>
      <c r="E917" s="7" t="s">
        <v>2647</v>
      </c>
    </row>
    <row r="918" spans="1:5" s="8" customFormat="1" ht="28.5" customHeight="1" x14ac:dyDescent="0.15">
      <c r="A918" s="6" t="s">
        <v>2648</v>
      </c>
      <c r="B918" s="6">
        <v>2301043</v>
      </c>
      <c r="C918" s="7" t="s">
        <v>2649</v>
      </c>
      <c r="D918" s="6" t="s">
        <v>588</v>
      </c>
      <c r="E918" s="7" t="s">
        <v>2650</v>
      </c>
    </row>
    <row r="919" spans="1:5" s="8" customFormat="1" ht="28.5" customHeight="1" x14ac:dyDescent="0.15">
      <c r="A919" s="6" t="s">
        <v>2648</v>
      </c>
      <c r="B919" s="6">
        <v>2301316</v>
      </c>
      <c r="C919" s="7" t="s">
        <v>2651</v>
      </c>
      <c r="D919" s="6" t="s">
        <v>17</v>
      </c>
      <c r="E919" s="7" t="s">
        <v>2652</v>
      </c>
    </row>
    <row r="920" spans="1:5" s="8" customFormat="1" ht="28.5" customHeight="1" x14ac:dyDescent="0.15">
      <c r="A920" s="6" t="s">
        <v>2648</v>
      </c>
      <c r="B920" s="6">
        <v>2301332</v>
      </c>
      <c r="C920" s="7" t="s">
        <v>2653</v>
      </c>
      <c r="D920" s="6" t="s">
        <v>589</v>
      </c>
      <c r="E920" s="7" t="s">
        <v>2654</v>
      </c>
    </row>
    <row r="921" spans="1:5" s="8" customFormat="1" ht="28.5" customHeight="1" x14ac:dyDescent="0.15">
      <c r="A921" s="6" t="s">
        <v>2648</v>
      </c>
      <c r="B921" s="6">
        <v>2301423</v>
      </c>
      <c r="C921" s="7" t="s">
        <v>2655</v>
      </c>
      <c r="D921" s="6" t="s">
        <v>17</v>
      </c>
      <c r="E921" s="7" t="s">
        <v>2656</v>
      </c>
    </row>
    <row r="922" spans="1:5" s="8" customFormat="1" ht="28.5" customHeight="1" x14ac:dyDescent="0.15">
      <c r="A922" s="6" t="s">
        <v>2648</v>
      </c>
      <c r="B922" s="6">
        <v>2301605</v>
      </c>
      <c r="C922" s="7" t="s">
        <v>2657</v>
      </c>
      <c r="D922" s="6" t="s">
        <v>588</v>
      </c>
      <c r="E922" s="7" t="s">
        <v>2658</v>
      </c>
    </row>
    <row r="923" spans="1:5" s="8" customFormat="1" ht="28.5" customHeight="1" x14ac:dyDescent="0.15">
      <c r="A923" s="6" t="s">
        <v>2648</v>
      </c>
      <c r="B923" s="6">
        <v>2301654</v>
      </c>
      <c r="C923" s="7" t="s">
        <v>2659</v>
      </c>
      <c r="D923" s="6" t="s">
        <v>590</v>
      </c>
      <c r="E923" s="7" t="s">
        <v>2660</v>
      </c>
    </row>
    <row r="924" spans="1:5" s="8" customFormat="1" ht="28.5" customHeight="1" x14ac:dyDescent="0.15">
      <c r="A924" s="6" t="s">
        <v>2648</v>
      </c>
      <c r="B924" s="6">
        <v>2301829</v>
      </c>
      <c r="C924" s="7" t="s">
        <v>2661</v>
      </c>
      <c r="D924" s="6" t="s">
        <v>591</v>
      </c>
      <c r="E924" s="7" t="s">
        <v>2662</v>
      </c>
    </row>
    <row r="925" spans="1:5" s="8" customFormat="1" ht="28.5" customHeight="1" x14ac:dyDescent="0.15">
      <c r="A925" s="6" t="s">
        <v>2648</v>
      </c>
      <c r="B925" s="6">
        <v>2301837</v>
      </c>
      <c r="C925" s="7" t="s">
        <v>2663</v>
      </c>
      <c r="D925" s="6" t="s">
        <v>592</v>
      </c>
      <c r="E925" s="7" t="s">
        <v>2664</v>
      </c>
    </row>
    <row r="926" spans="1:5" s="8" customFormat="1" ht="28.5" customHeight="1" x14ac:dyDescent="0.15">
      <c r="A926" s="6" t="s">
        <v>2648</v>
      </c>
      <c r="B926" s="6">
        <v>2301845</v>
      </c>
      <c r="C926" s="7" t="s">
        <v>2665</v>
      </c>
      <c r="D926" s="6" t="s">
        <v>589</v>
      </c>
      <c r="E926" s="7" t="s">
        <v>2666</v>
      </c>
    </row>
    <row r="927" spans="1:5" s="8" customFormat="1" ht="28.5" customHeight="1" x14ac:dyDescent="0.15">
      <c r="A927" s="6" t="s">
        <v>2648</v>
      </c>
      <c r="B927" s="6">
        <v>2302009</v>
      </c>
      <c r="C927" s="7" t="s">
        <v>2667</v>
      </c>
      <c r="D927" s="6" t="s">
        <v>593</v>
      </c>
      <c r="E927" s="7" t="s">
        <v>2668</v>
      </c>
    </row>
    <row r="928" spans="1:5" s="8" customFormat="1" ht="28.5" customHeight="1" x14ac:dyDescent="0.15">
      <c r="A928" s="6" t="s">
        <v>2648</v>
      </c>
      <c r="B928" s="6">
        <v>2302017</v>
      </c>
      <c r="C928" s="7" t="s">
        <v>1515</v>
      </c>
      <c r="D928" s="6" t="s">
        <v>18</v>
      </c>
      <c r="E928" s="7" t="s">
        <v>2669</v>
      </c>
    </row>
    <row r="929" spans="1:5" s="8" customFormat="1" ht="28.5" customHeight="1" x14ac:dyDescent="0.15">
      <c r="A929" s="6" t="s">
        <v>2648</v>
      </c>
      <c r="B929" s="6">
        <v>2302041</v>
      </c>
      <c r="C929" s="7" t="s">
        <v>2670</v>
      </c>
      <c r="D929" s="6" t="s">
        <v>594</v>
      </c>
      <c r="E929" s="7" t="s">
        <v>2671</v>
      </c>
    </row>
    <row r="930" spans="1:5" s="8" customFormat="1" ht="28.5" customHeight="1" x14ac:dyDescent="0.15">
      <c r="A930" s="6" t="s">
        <v>2648</v>
      </c>
      <c r="B930" s="6">
        <v>2302058</v>
      </c>
      <c r="C930" s="7" t="s">
        <v>2672</v>
      </c>
      <c r="D930" s="6" t="s">
        <v>593</v>
      </c>
      <c r="E930" s="7" t="s">
        <v>2673</v>
      </c>
    </row>
    <row r="931" spans="1:5" s="8" customFormat="1" ht="28.5" customHeight="1" x14ac:dyDescent="0.15">
      <c r="A931" s="6" t="s">
        <v>2648</v>
      </c>
      <c r="B931" s="6">
        <v>2302082</v>
      </c>
      <c r="C931" s="7" t="s">
        <v>1515</v>
      </c>
      <c r="D931" s="6" t="s">
        <v>592</v>
      </c>
      <c r="E931" s="7" t="s">
        <v>2674</v>
      </c>
    </row>
    <row r="932" spans="1:5" s="8" customFormat="1" ht="28.5" customHeight="1" x14ac:dyDescent="0.15">
      <c r="A932" s="6" t="s">
        <v>2648</v>
      </c>
      <c r="B932" s="6">
        <v>2302108</v>
      </c>
      <c r="C932" s="7" t="s">
        <v>2675</v>
      </c>
      <c r="D932" s="6" t="s">
        <v>18</v>
      </c>
      <c r="E932" s="7" t="s">
        <v>2676</v>
      </c>
    </row>
    <row r="933" spans="1:5" s="8" customFormat="1" ht="28.5" customHeight="1" x14ac:dyDescent="0.15">
      <c r="A933" s="6" t="s">
        <v>2648</v>
      </c>
      <c r="B933" s="6">
        <v>2302124</v>
      </c>
      <c r="C933" s="7" t="s">
        <v>2677</v>
      </c>
      <c r="D933" s="6" t="s">
        <v>590</v>
      </c>
      <c r="E933" s="7" t="s">
        <v>2678</v>
      </c>
    </row>
    <row r="934" spans="1:5" s="8" customFormat="1" ht="28.5" customHeight="1" x14ac:dyDescent="0.15">
      <c r="A934" s="6" t="s">
        <v>2648</v>
      </c>
      <c r="B934" s="6">
        <v>2302140</v>
      </c>
      <c r="C934" s="7" t="s">
        <v>2679</v>
      </c>
      <c r="D934" s="6" t="s">
        <v>17</v>
      </c>
      <c r="E934" s="7" t="s">
        <v>2680</v>
      </c>
    </row>
    <row r="935" spans="1:5" s="8" customFormat="1" ht="28.5" customHeight="1" x14ac:dyDescent="0.15">
      <c r="A935" s="6" t="s">
        <v>2648</v>
      </c>
      <c r="B935" s="6">
        <v>2302157</v>
      </c>
      <c r="C935" s="7" t="s">
        <v>2681</v>
      </c>
      <c r="D935" s="6" t="s">
        <v>594</v>
      </c>
      <c r="E935" s="7" t="s">
        <v>2682</v>
      </c>
    </row>
    <row r="936" spans="1:5" s="8" customFormat="1" ht="28.5" customHeight="1" x14ac:dyDescent="0.15">
      <c r="A936" s="6" t="s">
        <v>2648</v>
      </c>
      <c r="B936" s="6">
        <v>2302165</v>
      </c>
      <c r="C936" s="7" t="s">
        <v>1606</v>
      </c>
      <c r="D936" s="6" t="s">
        <v>18</v>
      </c>
      <c r="E936" s="7" t="s">
        <v>2683</v>
      </c>
    </row>
    <row r="937" spans="1:5" s="8" customFormat="1" ht="28.5" customHeight="1" x14ac:dyDescent="0.15">
      <c r="A937" s="6" t="s">
        <v>2648</v>
      </c>
      <c r="B937" s="6">
        <v>2302173</v>
      </c>
      <c r="C937" s="7" t="s">
        <v>2684</v>
      </c>
      <c r="D937" s="6" t="s">
        <v>595</v>
      </c>
      <c r="E937" s="7" t="s">
        <v>2685</v>
      </c>
    </row>
    <row r="938" spans="1:5" s="8" customFormat="1" ht="28.5" customHeight="1" x14ac:dyDescent="0.15">
      <c r="A938" s="6" t="s">
        <v>2648</v>
      </c>
      <c r="B938" s="6">
        <v>2302181</v>
      </c>
      <c r="C938" s="7" t="s">
        <v>932</v>
      </c>
      <c r="D938" s="6" t="s">
        <v>17</v>
      </c>
      <c r="E938" s="7" t="s">
        <v>2686</v>
      </c>
    </row>
    <row r="939" spans="1:5" s="8" customFormat="1" ht="28.5" customHeight="1" x14ac:dyDescent="0.15">
      <c r="A939" s="6" t="s">
        <v>2648</v>
      </c>
      <c r="B939" s="6">
        <v>2302199</v>
      </c>
      <c r="C939" s="7" t="s">
        <v>2687</v>
      </c>
      <c r="D939" s="6" t="s">
        <v>594</v>
      </c>
      <c r="E939" s="7" t="s">
        <v>2688</v>
      </c>
    </row>
    <row r="940" spans="1:5" s="8" customFormat="1" ht="28.5" customHeight="1" x14ac:dyDescent="0.15">
      <c r="A940" s="6" t="s">
        <v>2648</v>
      </c>
      <c r="B940" s="6">
        <v>2302256</v>
      </c>
      <c r="C940" s="7" t="s">
        <v>596</v>
      </c>
      <c r="D940" s="6" t="s">
        <v>595</v>
      </c>
      <c r="E940" s="7" t="s">
        <v>2689</v>
      </c>
    </row>
    <row r="941" spans="1:5" s="8" customFormat="1" ht="28.5" customHeight="1" x14ac:dyDescent="0.15">
      <c r="A941" s="6" t="s">
        <v>2648</v>
      </c>
      <c r="B941" s="6">
        <v>2302272</v>
      </c>
      <c r="C941" s="7" t="s">
        <v>2690</v>
      </c>
      <c r="D941" s="6" t="s">
        <v>591</v>
      </c>
      <c r="E941" s="7" t="s">
        <v>2691</v>
      </c>
    </row>
    <row r="942" spans="1:5" s="8" customFormat="1" ht="28.5" customHeight="1" x14ac:dyDescent="0.15">
      <c r="A942" s="6" t="s">
        <v>2648</v>
      </c>
      <c r="B942" s="6">
        <v>2302298</v>
      </c>
      <c r="C942" s="7" t="s">
        <v>2692</v>
      </c>
      <c r="D942" s="6" t="s">
        <v>594</v>
      </c>
      <c r="E942" s="7" t="s">
        <v>2693</v>
      </c>
    </row>
    <row r="943" spans="1:5" s="8" customFormat="1" ht="28.5" customHeight="1" x14ac:dyDescent="0.15">
      <c r="A943" s="6" t="s">
        <v>2648</v>
      </c>
      <c r="B943" s="6">
        <v>2302314</v>
      </c>
      <c r="C943" s="7" t="s">
        <v>2694</v>
      </c>
      <c r="D943" s="6" t="s">
        <v>589</v>
      </c>
      <c r="E943" s="7" t="s">
        <v>2695</v>
      </c>
    </row>
    <row r="944" spans="1:5" s="8" customFormat="1" ht="28.5" customHeight="1" x14ac:dyDescent="0.15">
      <c r="A944" s="6" t="s">
        <v>2648</v>
      </c>
      <c r="B944" s="6">
        <v>2302355</v>
      </c>
      <c r="C944" s="7" t="s">
        <v>2191</v>
      </c>
      <c r="D944" s="6" t="s">
        <v>597</v>
      </c>
      <c r="E944" s="7" t="s">
        <v>2696</v>
      </c>
    </row>
    <row r="945" spans="1:5" s="8" customFormat="1" ht="28.5" customHeight="1" x14ac:dyDescent="0.15">
      <c r="A945" s="6" t="s">
        <v>2648</v>
      </c>
      <c r="B945" s="6">
        <v>2302389</v>
      </c>
      <c r="C945" s="7" t="s">
        <v>2697</v>
      </c>
      <c r="D945" s="6" t="s">
        <v>597</v>
      </c>
      <c r="E945" s="7" t="s">
        <v>2698</v>
      </c>
    </row>
    <row r="946" spans="1:5" s="8" customFormat="1" ht="28.5" customHeight="1" x14ac:dyDescent="0.15">
      <c r="A946" s="6" t="s">
        <v>2648</v>
      </c>
      <c r="B946" s="6">
        <v>2302397</v>
      </c>
      <c r="C946" s="7" t="s">
        <v>2699</v>
      </c>
      <c r="D946" s="6" t="s">
        <v>18</v>
      </c>
      <c r="E946" s="7" t="s">
        <v>2700</v>
      </c>
    </row>
    <row r="947" spans="1:5" s="8" customFormat="1" ht="28.5" customHeight="1" x14ac:dyDescent="0.15">
      <c r="A947" s="6" t="s">
        <v>2648</v>
      </c>
      <c r="B947" s="6">
        <v>2302405</v>
      </c>
      <c r="C947" s="7" t="s">
        <v>2701</v>
      </c>
      <c r="D947" s="6" t="s">
        <v>17</v>
      </c>
      <c r="E947" s="7" t="s">
        <v>2702</v>
      </c>
    </row>
    <row r="948" spans="1:5" s="8" customFormat="1" ht="28.5" customHeight="1" x14ac:dyDescent="0.15">
      <c r="A948" s="6" t="s">
        <v>2648</v>
      </c>
      <c r="B948" s="6">
        <v>2302421</v>
      </c>
      <c r="C948" s="7" t="s">
        <v>2703</v>
      </c>
      <c r="D948" s="6" t="s">
        <v>17</v>
      </c>
      <c r="E948" s="7" t="s">
        <v>2704</v>
      </c>
    </row>
    <row r="949" spans="1:5" s="8" customFormat="1" ht="28.5" customHeight="1" x14ac:dyDescent="0.15">
      <c r="A949" s="6" t="s">
        <v>2648</v>
      </c>
      <c r="B949" s="6">
        <v>2302439</v>
      </c>
      <c r="C949" s="7" t="s">
        <v>2705</v>
      </c>
      <c r="D949" s="6" t="s">
        <v>588</v>
      </c>
      <c r="E949" s="7" t="s">
        <v>2706</v>
      </c>
    </row>
    <row r="950" spans="1:5" s="8" customFormat="1" ht="28.5" customHeight="1" x14ac:dyDescent="0.15">
      <c r="A950" s="6" t="s">
        <v>2648</v>
      </c>
      <c r="B950" s="6">
        <v>2302462</v>
      </c>
      <c r="C950" s="7" t="s">
        <v>2707</v>
      </c>
      <c r="D950" s="6" t="s">
        <v>588</v>
      </c>
      <c r="E950" s="7" t="s">
        <v>2708</v>
      </c>
    </row>
    <row r="951" spans="1:5" s="8" customFormat="1" ht="28.5" customHeight="1" x14ac:dyDescent="0.15">
      <c r="A951" s="6" t="s">
        <v>2648</v>
      </c>
      <c r="B951" s="6">
        <v>2302470</v>
      </c>
      <c r="C951" s="7" t="s">
        <v>930</v>
      </c>
      <c r="D951" s="6" t="s">
        <v>588</v>
      </c>
      <c r="E951" s="7" t="s">
        <v>2709</v>
      </c>
    </row>
    <row r="952" spans="1:5" s="8" customFormat="1" ht="28.5" customHeight="1" x14ac:dyDescent="0.15">
      <c r="A952" s="6" t="s">
        <v>2648</v>
      </c>
      <c r="B952" s="6">
        <v>2302488</v>
      </c>
      <c r="C952" s="7" t="s">
        <v>2710</v>
      </c>
      <c r="D952" s="6" t="s">
        <v>593</v>
      </c>
      <c r="E952" s="7" t="s">
        <v>2711</v>
      </c>
    </row>
    <row r="953" spans="1:5" s="8" customFormat="1" ht="28.5" customHeight="1" x14ac:dyDescent="0.15">
      <c r="A953" s="6" t="s">
        <v>2648</v>
      </c>
      <c r="B953" s="6">
        <v>2302512</v>
      </c>
      <c r="C953" s="7" t="s">
        <v>3405</v>
      </c>
      <c r="D953" s="6" t="s">
        <v>595</v>
      </c>
      <c r="E953" s="7" t="s">
        <v>2712</v>
      </c>
    </row>
    <row r="954" spans="1:5" s="8" customFormat="1" ht="28.5" customHeight="1" x14ac:dyDescent="0.15">
      <c r="A954" s="6" t="s">
        <v>2648</v>
      </c>
      <c r="B954" s="6">
        <v>2302520</v>
      </c>
      <c r="C954" s="7" t="s">
        <v>2713</v>
      </c>
      <c r="D954" s="6" t="s">
        <v>589</v>
      </c>
      <c r="E954" s="7" t="s">
        <v>2714</v>
      </c>
    </row>
    <row r="955" spans="1:5" s="8" customFormat="1" ht="28.5" customHeight="1" x14ac:dyDescent="0.15">
      <c r="A955" s="6" t="s">
        <v>2648</v>
      </c>
      <c r="B955" s="6">
        <v>2302538</v>
      </c>
      <c r="C955" s="7" t="s">
        <v>2715</v>
      </c>
      <c r="D955" s="6" t="s">
        <v>598</v>
      </c>
      <c r="E955" s="7" t="s">
        <v>2716</v>
      </c>
    </row>
    <row r="956" spans="1:5" s="8" customFormat="1" ht="28.5" customHeight="1" x14ac:dyDescent="0.15">
      <c r="A956" s="6" t="s">
        <v>2648</v>
      </c>
      <c r="B956" s="6">
        <v>2302553</v>
      </c>
      <c r="C956" s="7" t="s">
        <v>2717</v>
      </c>
      <c r="D956" s="6" t="s">
        <v>595</v>
      </c>
      <c r="E956" s="7" t="s">
        <v>2718</v>
      </c>
    </row>
    <row r="957" spans="1:5" s="8" customFormat="1" ht="28.5" customHeight="1" x14ac:dyDescent="0.15">
      <c r="A957" s="6" t="s">
        <v>2648</v>
      </c>
      <c r="B957" s="6">
        <v>2302561</v>
      </c>
      <c r="C957" s="7" t="s">
        <v>2719</v>
      </c>
      <c r="D957" s="6" t="s">
        <v>594</v>
      </c>
      <c r="E957" s="7" t="s">
        <v>2720</v>
      </c>
    </row>
    <row r="958" spans="1:5" s="8" customFormat="1" ht="28.5" customHeight="1" x14ac:dyDescent="0.15">
      <c r="A958" s="6" t="s">
        <v>2648</v>
      </c>
      <c r="B958" s="6">
        <v>2302579</v>
      </c>
      <c r="C958" s="7" t="s">
        <v>2721</v>
      </c>
      <c r="D958" s="6" t="s">
        <v>595</v>
      </c>
      <c r="E958" s="7" t="s">
        <v>2722</v>
      </c>
    </row>
    <row r="959" spans="1:5" s="8" customFormat="1" ht="28.5" customHeight="1" x14ac:dyDescent="0.15">
      <c r="A959" s="6" t="s">
        <v>2648</v>
      </c>
      <c r="B959" s="6">
        <v>2302595</v>
      </c>
      <c r="C959" s="7" t="s">
        <v>2723</v>
      </c>
      <c r="D959" s="6" t="s">
        <v>599</v>
      </c>
      <c r="E959" s="7" t="s">
        <v>2724</v>
      </c>
    </row>
    <row r="960" spans="1:5" s="8" customFormat="1" ht="28.5" customHeight="1" x14ac:dyDescent="0.15">
      <c r="A960" s="6" t="s">
        <v>2648</v>
      </c>
      <c r="B960" s="6" t="s">
        <v>600</v>
      </c>
      <c r="C960" s="7" t="s">
        <v>2725</v>
      </c>
      <c r="D960" s="6" t="s">
        <v>588</v>
      </c>
      <c r="E960" s="7" t="s">
        <v>2726</v>
      </c>
    </row>
    <row r="961" spans="1:5" s="8" customFormat="1" ht="28.5" customHeight="1" x14ac:dyDescent="0.15">
      <c r="A961" s="6" t="s">
        <v>2648</v>
      </c>
      <c r="B961" s="6">
        <v>2302611</v>
      </c>
      <c r="C961" s="7" t="s">
        <v>2727</v>
      </c>
      <c r="D961" s="6" t="s">
        <v>593</v>
      </c>
      <c r="E961" s="7" t="s">
        <v>2728</v>
      </c>
    </row>
    <row r="962" spans="1:5" s="8" customFormat="1" ht="28.5" customHeight="1" x14ac:dyDescent="0.15">
      <c r="A962" s="6" t="s">
        <v>2648</v>
      </c>
      <c r="B962" s="6" t="s">
        <v>601</v>
      </c>
      <c r="C962" s="7" t="s">
        <v>2729</v>
      </c>
      <c r="D962" s="6" t="s">
        <v>592</v>
      </c>
      <c r="E962" s="7" t="s">
        <v>2730</v>
      </c>
    </row>
    <row r="963" spans="1:5" s="8" customFormat="1" ht="28.5" customHeight="1" x14ac:dyDescent="0.15">
      <c r="A963" s="6" t="s">
        <v>2648</v>
      </c>
      <c r="B963" s="6" t="s">
        <v>602</v>
      </c>
      <c r="C963" s="7" t="s">
        <v>2731</v>
      </c>
      <c r="D963" s="6" t="s">
        <v>590</v>
      </c>
      <c r="E963" s="7" t="s">
        <v>2732</v>
      </c>
    </row>
    <row r="964" spans="1:5" s="8" customFormat="1" ht="28.5" customHeight="1" x14ac:dyDescent="0.15">
      <c r="A964" s="6" t="s">
        <v>2648</v>
      </c>
      <c r="B964" s="6">
        <v>2302660</v>
      </c>
      <c r="C964" s="7" t="s">
        <v>2733</v>
      </c>
      <c r="D964" s="6" t="s">
        <v>595</v>
      </c>
      <c r="E964" s="7" t="s">
        <v>2734</v>
      </c>
    </row>
    <row r="965" spans="1:5" s="8" customFormat="1" ht="28.5" customHeight="1" x14ac:dyDescent="0.15">
      <c r="A965" s="6" t="s">
        <v>2648</v>
      </c>
      <c r="B965" s="6" t="s">
        <v>603</v>
      </c>
      <c r="C965" s="7" t="s">
        <v>3404</v>
      </c>
      <c r="D965" s="6" t="s">
        <v>595</v>
      </c>
      <c r="E965" s="7" t="s">
        <v>2735</v>
      </c>
    </row>
    <row r="966" spans="1:5" s="8" customFormat="1" ht="28.5" customHeight="1" x14ac:dyDescent="0.15">
      <c r="A966" s="6" t="s">
        <v>2648</v>
      </c>
      <c r="B966" s="6" t="s">
        <v>604</v>
      </c>
      <c r="C966" s="7" t="s">
        <v>1612</v>
      </c>
      <c r="D966" s="6" t="s">
        <v>18</v>
      </c>
      <c r="E966" s="7" t="s">
        <v>2736</v>
      </c>
    </row>
    <row r="967" spans="1:5" s="8" customFormat="1" ht="28.5" customHeight="1" x14ac:dyDescent="0.15">
      <c r="A967" s="6" t="s">
        <v>2648</v>
      </c>
      <c r="B967" s="6" t="s">
        <v>605</v>
      </c>
      <c r="C967" s="7" t="s">
        <v>2737</v>
      </c>
      <c r="D967" s="6" t="s">
        <v>595</v>
      </c>
      <c r="E967" s="7" t="s">
        <v>2738</v>
      </c>
    </row>
    <row r="968" spans="1:5" s="8" customFormat="1" ht="28.5" customHeight="1" x14ac:dyDescent="0.15">
      <c r="A968" s="6" t="s">
        <v>2648</v>
      </c>
      <c r="B968" s="6" t="s">
        <v>606</v>
      </c>
      <c r="C968" s="7" t="s">
        <v>2739</v>
      </c>
      <c r="D968" s="6" t="s">
        <v>597</v>
      </c>
      <c r="E968" s="7" t="s">
        <v>2740</v>
      </c>
    </row>
    <row r="969" spans="1:5" s="8" customFormat="1" ht="28.5" customHeight="1" x14ac:dyDescent="0.15">
      <c r="A969" s="6" t="s">
        <v>2648</v>
      </c>
      <c r="B969" s="6">
        <v>2302728</v>
      </c>
      <c r="C969" s="7" t="s">
        <v>2741</v>
      </c>
      <c r="D969" s="6" t="s">
        <v>17</v>
      </c>
      <c r="E969" s="7" t="s">
        <v>3417</v>
      </c>
    </row>
    <row r="970" spans="1:5" s="8" customFormat="1" ht="28.5" customHeight="1" x14ac:dyDescent="0.15">
      <c r="A970" s="6" t="s">
        <v>2648</v>
      </c>
      <c r="B970" s="6" t="s">
        <v>607</v>
      </c>
      <c r="C970" s="7" t="s">
        <v>895</v>
      </c>
      <c r="D970" s="6" t="s">
        <v>589</v>
      </c>
      <c r="E970" s="7" t="s">
        <v>2742</v>
      </c>
    </row>
    <row r="971" spans="1:5" s="8" customFormat="1" ht="28.5" customHeight="1" x14ac:dyDescent="0.15">
      <c r="A971" s="6" t="s">
        <v>2648</v>
      </c>
      <c r="B971" s="6">
        <v>2302744</v>
      </c>
      <c r="C971" s="7" t="s">
        <v>848</v>
      </c>
      <c r="D971" s="6" t="s">
        <v>595</v>
      </c>
      <c r="E971" s="7" t="s">
        <v>2743</v>
      </c>
    </row>
    <row r="972" spans="1:5" s="8" customFormat="1" ht="28.5" customHeight="1" x14ac:dyDescent="0.15">
      <c r="A972" s="6" t="s">
        <v>2648</v>
      </c>
      <c r="B972" s="6" t="s">
        <v>608</v>
      </c>
      <c r="C972" s="7" t="s">
        <v>2649</v>
      </c>
      <c r="D972" s="6" t="s">
        <v>588</v>
      </c>
      <c r="E972" s="7" t="s">
        <v>2650</v>
      </c>
    </row>
    <row r="973" spans="1:5" s="8" customFormat="1" ht="28.5" customHeight="1" x14ac:dyDescent="0.15">
      <c r="A973" s="6" t="s">
        <v>2648</v>
      </c>
      <c r="B973" s="6">
        <v>2302769</v>
      </c>
      <c r="C973" s="7" t="s">
        <v>2744</v>
      </c>
      <c r="D973" s="6" t="s">
        <v>593</v>
      </c>
      <c r="E973" s="7" t="s">
        <v>2745</v>
      </c>
    </row>
    <row r="974" spans="1:5" s="8" customFormat="1" ht="28.5" customHeight="1" x14ac:dyDescent="0.15">
      <c r="A974" s="6" t="s">
        <v>2648</v>
      </c>
      <c r="B974" s="6">
        <v>2302777</v>
      </c>
      <c r="C974" s="7" t="s">
        <v>2746</v>
      </c>
      <c r="D974" s="6" t="s">
        <v>589</v>
      </c>
      <c r="E974" s="7" t="s">
        <v>2747</v>
      </c>
    </row>
    <row r="975" spans="1:5" s="8" customFormat="1" ht="28.5" customHeight="1" x14ac:dyDescent="0.15">
      <c r="A975" s="6" t="s">
        <v>2648</v>
      </c>
      <c r="B975" s="6">
        <v>2302801</v>
      </c>
      <c r="C975" s="7" t="s">
        <v>2748</v>
      </c>
      <c r="D975" s="6" t="s">
        <v>17</v>
      </c>
      <c r="E975" s="7" t="s">
        <v>2749</v>
      </c>
    </row>
    <row r="976" spans="1:5" s="8" customFormat="1" ht="28.5" customHeight="1" x14ac:dyDescent="0.15">
      <c r="A976" s="6" t="s">
        <v>2648</v>
      </c>
      <c r="B976" s="6">
        <v>2302819</v>
      </c>
      <c r="C976" s="7" t="s">
        <v>1753</v>
      </c>
      <c r="D976" s="6" t="s">
        <v>593</v>
      </c>
      <c r="E976" s="7" t="s">
        <v>2750</v>
      </c>
    </row>
    <row r="977" spans="1:5" s="8" customFormat="1" ht="28.5" customHeight="1" x14ac:dyDescent="0.15">
      <c r="A977" s="6" t="s">
        <v>2648</v>
      </c>
      <c r="B977" s="6">
        <v>2302835</v>
      </c>
      <c r="C977" s="7" t="s">
        <v>2751</v>
      </c>
      <c r="D977" s="6" t="s">
        <v>17</v>
      </c>
      <c r="E977" s="7" t="s">
        <v>2752</v>
      </c>
    </row>
    <row r="978" spans="1:5" s="8" customFormat="1" ht="28.5" customHeight="1" x14ac:dyDescent="0.15">
      <c r="A978" s="6" t="s">
        <v>2648</v>
      </c>
      <c r="B978" s="6" t="s">
        <v>609</v>
      </c>
      <c r="C978" s="7" t="s">
        <v>2001</v>
      </c>
      <c r="D978" s="6" t="s">
        <v>17</v>
      </c>
      <c r="E978" s="7" t="s">
        <v>2753</v>
      </c>
    </row>
    <row r="979" spans="1:5" s="8" customFormat="1" ht="28.5" customHeight="1" x14ac:dyDescent="0.15">
      <c r="A979" s="6" t="s">
        <v>2648</v>
      </c>
      <c r="B979" s="6" t="s">
        <v>610</v>
      </c>
      <c r="C979" s="7" t="s">
        <v>2754</v>
      </c>
      <c r="D979" s="6" t="s">
        <v>611</v>
      </c>
      <c r="E979" s="7" t="s">
        <v>2755</v>
      </c>
    </row>
    <row r="980" spans="1:5" s="8" customFormat="1" ht="28.5" customHeight="1" x14ac:dyDescent="0.15">
      <c r="A980" s="6" t="s">
        <v>2648</v>
      </c>
      <c r="B980" s="6" t="s">
        <v>612</v>
      </c>
      <c r="C980" s="7" t="s">
        <v>2756</v>
      </c>
      <c r="D980" s="6" t="s">
        <v>17</v>
      </c>
      <c r="E980" s="7" t="s">
        <v>2757</v>
      </c>
    </row>
    <row r="981" spans="1:5" s="8" customFormat="1" ht="28.5" customHeight="1" x14ac:dyDescent="0.15">
      <c r="A981" s="6" t="s">
        <v>2648</v>
      </c>
      <c r="B981" s="6" t="s">
        <v>2758</v>
      </c>
      <c r="C981" s="7" t="s">
        <v>2759</v>
      </c>
      <c r="D981" s="6" t="s">
        <v>17</v>
      </c>
      <c r="E981" s="7" t="s">
        <v>2760</v>
      </c>
    </row>
    <row r="982" spans="1:5" s="8" customFormat="1" ht="28.5" customHeight="1" x14ac:dyDescent="0.15">
      <c r="A982" s="6" t="s">
        <v>2648</v>
      </c>
      <c r="B982" s="6" t="s">
        <v>2761</v>
      </c>
      <c r="C982" s="7" t="s">
        <v>2762</v>
      </c>
      <c r="D982" s="6" t="s">
        <v>17</v>
      </c>
      <c r="E982" s="7" t="s">
        <v>2763</v>
      </c>
    </row>
    <row r="983" spans="1:5" s="8" customFormat="1" ht="28.5" customHeight="1" x14ac:dyDescent="0.15">
      <c r="A983" s="6" t="s">
        <v>2764</v>
      </c>
      <c r="B983" s="6" t="s">
        <v>2765</v>
      </c>
      <c r="C983" s="7" t="s">
        <v>2766</v>
      </c>
      <c r="D983" s="6" t="s">
        <v>595</v>
      </c>
      <c r="E983" s="7" t="s">
        <v>2767</v>
      </c>
    </row>
    <row r="984" spans="1:5" s="8" customFormat="1" ht="28.5" customHeight="1" x14ac:dyDescent="0.15">
      <c r="A984" s="6" t="s">
        <v>2768</v>
      </c>
      <c r="B984" s="6">
        <v>5901534</v>
      </c>
      <c r="C984" s="7" t="s">
        <v>1283</v>
      </c>
      <c r="D984" s="6" t="s">
        <v>613</v>
      </c>
      <c r="E984" s="7" t="s">
        <v>2769</v>
      </c>
    </row>
    <row r="985" spans="1:5" s="8" customFormat="1" ht="28.5" customHeight="1" x14ac:dyDescent="0.15">
      <c r="A985" s="6" t="s">
        <v>2768</v>
      </c>
      <c r="B985" s="6">
        <v>5901583</v>
      </c>
      <c r="C985" s="7" t="s">
        <v>1283</v>
      </c>
      <c r="D985" s="6" t="s">
        <v>613</v>
      </c>
      <c r="E985" s="7" t="s">
        <v>2770</v>
      </c>
    </row>
    <row r="986" spans="1:5" s="8" customFormat="1" ht="28.5" customHeight="1" x14ac:dyDescent="0.15">
      <c r="A986" s="6" t="s">
        <v>2768</v>
      </c>
      <c r="B986" s="6">
        <v>5901740</v>
      </c>
      <c r="C986" s="7" t="s">
        <v>2771</v>
      </c>
      <c r="D986" s="6" t="s">
        <v>614</v>
      </c>
      <c r="E986" s="7" t="s">
        <v>2772</v>
      </c>
    </row>
    <row r="987" spans="1:5" s="8" customFormat="1" ht="28.5" customHeight="1" x14ac:dyDescent="0.15">
      <c r="A987" s="6" t="s">
        <v>2768</v>
      </c>
      <c r="B987" s="6">
        <v>5901872</v>
      </c>
      <c r="C987" s="7" t="s">
        <v>2773</v>
      </c>
      <c r="D987" s="6" t="s">
        <v>613</v>
      </c>
      <c r="E987" s="7" t="s">
        <v>2774</v>
      </c>
    </row>
    <row r="988" spans="1:5" s="8" customFormat="1" ht="28.5" customHeight="1" x14ac:dyDescent="0.15">
      <c r="A988" s="6" t="s">
        <v>2768</v>
      </c>
      <c r="B988" s="6">
        <v>5901898</v>
      </c>
      <c r="C988" s="7" t="s">
        <v>2775</v>
      </c>
      <c r="D988" s="6" t="s">
        <v>615</v>
      </c>
      <c r="E988" s="7" t="s">
        <v>2776</v>
      </c>
    </row>
    <row r="989" spans="1:5" s="8" customFormat="1" ht="28.5" customHeight="1" x14ac:dyDescent="0.15">
      <c r="A989" s="6" t="s">
        <v>2768</v>
      </c>
      <c r="B989" s="6">
        <v>5901906</v>
      </c>
      <c r="C989" s="7" t="s">
        <v>2777</v>
      </c>
      <c r="D989" s="6" t="s">
        <v>613</v>
      </c>
      <c r="E989" s="7" t="s">
        <v>2778</v>
      </c>
    </row>
    <row r="990" spans="1:5" s="8" customFormat="1" ht="28.5" customHeight="1" x14ac:dyDescent="0.15">
      <c r="A990" s="6" t="s">
        <v>2768</v>
      </c>
      <c r="B990" s="6">
        <v>5902029</v>
      </c>
      <c r="C990" s="7" t="s">
        <v>2779</v>
      </c>
      <c r="D990" s="6" t="s">
        <v>615</v>
      </c>
      <c r="E990" s="7" t="s">
        <v>2780</v>
      </c>
    </row>
    <row r="991" spans="1:5" s="8" customFormat="1" ht="28.5" customHeight="1" x14ac:dyDescent="0.15">
      <c r="A991" s="6" t="s">
        <v>2768</v>
      </c>
      <c r="B991" s="6">
        <v>5902060</v>
      </c>
      <c r="C991" s="7" t="s">
        <v>2781</v>
      </c>
      <c r="D991" s="6" t="s">
        <v>616</v>
      </c>
      <c r="E991" s="7" t="s">
        <v>2782</v>
      </c>
    </row>
    <row r="992" spans="1:5" s="8" customFormat="1" ht="28.5" customHeight="1" x14ac:dyDescent="0.15">
      <c r="A992" s="6" t="s">
        <v>2768</v>
      </c>
      <c r="B992" s="6">
        <v>5902086</v>
      </c>
      <c r="C992" s="7" t="s">
        <v>2783</v>
      </c>
      <c r="D992" s="6" t="s">
        <v>617</v>
      </c>
      <c r="E992" s="7" t="s">
        <v>2784</v>
      </c>
    </row>
    <row r="993" spans="1:5" s="8" customFormat="1" ht="28.5" customHeight="1" x14ac:dyDescent="0.15">
      <c r="A993" s="6" t="s">
        <v>2768</v>
      </c>
      <c r="B993" s="6">
        <v>5902128</v>
      </c>
      <c r="C993" s="7" t="s">
        <v>2454</v>
      </c>
      <c r="D993" s="6" t="s">
        <v>615</v>
      </c>
      <c r="E993" s="7" t="s">
        <v>2785</v>
      </c>
    </row>
    <row r="994" spans="1:5" s="8" customFormat="1" ht="28.5" customHeight="1" x14ac:dyDescent="0.15">
      <c r="A994" s="6" t="s">
        <v>2768</v>
      </c>
      <c r="B994" s="6">
        <v>5902185</v>
      </c>
      <c r="C994" s="7" t="s">
        <v>2786</v>
      </c>
      <c r="D994" s="6" t="s">
        <v>615</v>
      </c>
      <c r="E994" s="7" t="s">
        <v>2776</v>
      </c>
    </row>
    <row r="995" spans="1:5" s="8" customFormat="1" ht="28.5" customHeight="1" x14ac:dyDescent="0.15">
      <c r="A995" s="6" t="s">
        <v>2768</v>
      </c>
      <c r="B995" s="6">
        <v>5902193</v>
      </c>
      <c r="C995" s="7" t="s">
        <v>2173</v>
      </c>
      <c r="D995" s="6" t="s">
        <v>618</v>
      </c>
      <c r="E995" s="7" t="s">
        <v>2787</v>
      </c>
    </row>
    <row r="996" spans="1:5" s="8" customFormat="1" ht="28.5" customHeight="1" x14ac:dyDescent="0.15">
      <c r="A996" s="6" t="s">
        <v>2768</v>
      </c>
      <c r="B996" s="6">
        <v>5902250</v>
      </c>
      <c r="C996" s="7" t="s">
        <v>2788</v>
      </c>
      <c r="D996" s="6" t="s">
        <v>619</v>
      </c>
      <c r="E996" s="7" t="s">
        <v>2789</v>
      </c>
    </row>
    <row r="997" spans="1:5" s="8" customFormat="1" ht="28.5" customHeight="1" x14ac:dyDescent="0.15">
      <c r="A997" s="6" t="s">
        <v>2768</v>
      </c>
      <c r="B997" s="6">
        <v>5902342</v>
      </c>
      <c r="C997" s="7" t="s">
        <v>2790</v>
      </c>
      <c r="D997" s="6" t="s">
        <v>617</v>
      </c>
      <c r="E997" s="7" t="s">
        <v>2791</v>
      </c>
    </row>
    <row r="998" spans="1:5" s="8" customFormat="1" ht="28.5" customHeight="1" x14ac:dyDescent="0.15">
      <c r="A998" s="6" t="s">
        <v>2768</v>
      </c>
      <c r="B998" s="6">
        <v>5902409</v>
      </c>
      <c r="C998" s="7" t="s">
        <v>620</v>
      </c>
      <c r="D998" s="6" t="s">
        <v>21</v>
      </c>
      <c r="E998" s="7" t="s">
        <v>621</v>
      </c>
    </row>
    <row r="999" spans="1:5" s="8" customFormat="1" ht="28.5" customHeight="1" x14ac:dyDescent="0.15">
      <c r="A999" s="6" t="s">
        <v>2768</v>
      </c>
      <c r="B999" s="6" t="s">
        <v>622</v>
      </c>
      <c r="C999" s="7" t="s">
        <v>2792</v>
      </c>
      <c r="D999" s="6" t="s">
        <v>617</v>
      </c>
      <c r="E999" s="7" t="s">
        <v>2793</v>
      </c>
    </row>
    <row r="1000" spans="1:5" s="8" customFormat="1" ht="28.5" customHeight="1" x14ac:dyDescent="0.15">
      <c r="A1000" s="6" t="s">
        <v>2768</v>
      </c>
      <c r="B1000" s="6">
        <v>5902425</v>
      </c>
      <c r="C1000" s="7" t="s">
        <v>2794</v>
      </c>
      <c r="D1000" s="6" t="s">
        <v>614</v>
      </c>
      <c r="E1000" s="7" t="s">
        <v>2795</v>
      </c>
    </row>
    <row r="1001" spans="1:5" s="8" customFormat="1" ht="28.5" customHeight="1" x14ac:dyDescent="0.15">
      <c r="A1001" s="6" t="s">
        <v>2768</v>
      </c>
      <c r="B1001" s="6">
        <v>5902441</v>
      </c>
      <c r="C1001" s="7" t="s">
        <v>2796</v>
      </c>
      <c r="D1001" s="6" t="s">
        <v>623</v>
      </c>
      <c r="E1001" s="7" t="s">
        <v>2797</v>
      </c>
    </row>
    <row r="1002" spans="1:5" s="8" customFormat="1" ht="28.5" customHeight="1" x14ac:dyDescent="0.15">
      <c r="A1002" s="6" t="s">
        <v>2768</v>
      </c>
      <c r="B1002" s="6">
        <v>5902458</v>
      </c>
      <c r="C1002" s="7" t="s">
        <v>1671</v>
      </c>
      <c r="D1002" s="6" t="s">
        <v>617</v>
      </c>
      <c r="E1002" s="7" t="s">
        <v>2798</v>
      </c>
    </row>
    <row r="1003" spans="1:5" s="8" customFormat="1" ht="28.5" customHeight="1" x14ac:dyDescent="0.15">
      <c r="A1003" s="6" t="s">
        <v>2768</v>
      </c>
      <c r="B1003" s="6">
        <v>5902474</v>
      </c>
      <c r="C1003" s="7" t="s">
        <v>2799</v>
      </c>
      <c r="D1003" s="6" t="s">
        <v>615</v>
      </c>
      <c r="E1003" s="7" t="s">
        <v>2800</v>
      </c>
    </row>
    <row r="1004" spans="1:5" s="8" customFormat="1" ht="28.5" customHeight="1" x14ac:dyDescent="0.15">
      <c r="A1004" s="6" t="s">
        <v>2768</v>
      </c>
      <c r="B1004" s="6">
        <v>5902508</v>
      </c>
      <c r="C1004" s="7" t="s">
        <v>2801</v>
      </c>
      <c r="D1004" s="6" t="s">
        <v>613</v>
      </c>
      <c r="E1004" s="7" t="s">
        <v>2802</v>
      </c>
    </row>
    <row r="1005" spans="1:5" s="8" customFormat="1" ht="28.5" customHeight="1" x14ac:dyDescent="0.15">
      <c r="A1005" s="6" t="s">
        <v>2768</v>
      </c>
      <c r="B1005" s="6" t="s">
        <v>624</v>
      </c>
      <c r="C1005" s="7" t="s">
        <v>2803</v>
      </c>
      <c r="D1005" s="6" t="s">
        <v>21</v>
      </c>
      <c r="E1005" s="7" t="s">
        <v>2804</v>
      </c>
    </row>
    <row r="1006" spans="1:5" s="8" customFormat="1" ht="28.5" customHeight="1" x14ac:dyDescent="0.15">
      <c r="A1006" s="6" t="s">
        <v>2768</v>
      </c>
      <c r="B1006" s="6" t="s">
        <v>625</v>
      </c>
      <c r="C1006" s="7" t="s">
        <v>2805</v>
      </c>
      <c r="D1006" s="6" t="s">
        <v>20</v>
      </c>
      <c r="E1006" s="7" t="s">
        <v>2806</v>
      </c>
    </row>
    <row r="1007" spans="1:5" s="8" customFormat="1" ht="28.5" customHeight="1" x14ac:dyDescent="0.15">
      <c r="A1007" s="6" t="s">
        <v>2768</v>
      </c>
      <c r="B1007" s="6">
        <v>5902540</v>
      </c>
      <c r="C1007" s="7" t="s">
        <v>2807</v>
      </c>
      <c r="D1007" s="6" t="s">
        <v>623</v>
      </c>
      <c r="E1007" s="7" t="s">
        <v>2808</v>
      </c>
    </row>
    <row r="1008" spans="1:5" s="8" customFormat="1" ht="28.5" customHeight="1" x14ac:dyDescent="0.15">
      <c r="A1008" s="6" t="s">
        <v>2768</v>
      </c>
      <c r="B1008" s="6" t="s">
        <v>626</v>
      </c>
      <c r="C1008" s="7" t="s">
        <v>2534</v>
      </c>
      <c r="D1008" s="6" t="s">
        <v>19</v>
      </c>
      <c r="E1008" s="7" t="s">
        <v>2809</v>
      </c>
    </row>
    <row r="1009" spans="1:5" s="8" customFormat="1" ht="28.5" customHeight="1" x14ac:dyDescent="0.15">
      <c r="A1009" s="6" t="s">
        <v>2768</v>
      </c>
      <c r="B1009" s="6">
        <v>5902623</v>
      </c>
      <c r="C1009" s="7" t="s">
        <v>2810</v>
      </c>
      <c r="D1009" s="6" t="s">
        <v>19</v>
      </c>
      <c r="E1009" s="7" t="s">
        <v>2811</v>
      </c>
    </row>
    <row r="1010" spans="1:5" s="8" customFormat="1" ht="28.5" customHeight="1" x14ac:dyDescent="0.15">
      <c r="A1010" s="6" t="s">
        <v>2768</v>
      </c>
      <c r="B1010" s="6" t="s">
        <v>627</v>
      </c>
      <c r="C1010" s="7" t="s">
        <v>2812</v>
      </c>
      <c r="D1010" s="6" t="s">
        <v>22</v>
      </c>
      <c r="E1010" s="7" t="s">
        <v>2813</v>
      </c>
    </row>
    <row r="1011" spans="1:5" s="8" customFormat="1" ht="28.5" customHeight="1" x14ac:dyDescent="0.15">
      <c r="A1011" s="6" t="s">
        <v>2768</v>
      </c>
      <c r="B1011" s="6">
        <v>5902664</v>
      </c>
      <c r="C1011" s="7" t="s">
        <v>2814</v>
      </c>
      <c r="D1011" s="6" t="s">
        <v>20</v>
      </c>
      <c r="E1011" s="7" t="s">
        <v>2815</v>
      </c>
    </row>
    <row r="1012" spans="1:5" s="8" customFormat="1" ht="28.5" customHeight="1" x14ac:dyDescent="0.15">
      <c r="A1012" s="6" t="s">
        <v>2768</v>
      </c>
      <c r="B1012" s="6">
        <v>5902698</v>
      </c>
      <c r="C1012" s="7" t="s">
        <v>2816</v>
      </c>
      <c r="D1012" s="6" t="s">
        <v>616</v>
      </c>
      <c r="E1012" s="7" t="s">
        <v>2817</v>
      </c>
    </row>
    <row r="1013" spans="1:5" s="8" customFormat="1" ht="28.5" customHeight="1" x14ac:dyDescent="0.15">
      <c r="A1013" s="6" t="s">
        <v>2768</v>
      </c>
      <c r="B1013" s="6" t="s">
        <v>628</v>
      </c>
      <c r="C1013" s="7" t="s">
        <v>2818</v>
      </c>
      <c r="D1013" s="6" t="s">
        <v>23</v>
      </c>
      <c r="E1013" s="7" t="s">
        <v>2819</v>
      </c>
    </row>
    <row r="1014" spans="1:5" s="8" customFormat="1" ht="28.5" customHeight="1" x14ac:dyDescent="0.15">
      <c r="A1014" s="6" t="s">
        <v>2768</v>
      </c>
      <c r="B1014" s="6" t="s">
        <v>629</v>
      </c>
      <c r="C1014" s="7" t="s">
        <v>2820</v>
      </c>
      <c r="D1014" s="6" t="s">
        <v>22</v>
      </c>
      <c r="E1014" s="7" t="s">
        <v>2821</v>
      </c>
    </row>
    <row r="1015" spans="1:5" s="8" customFormat="1" ht="28.5" customHeight="1" x14ac:dyDescent="0.15">
      <c r="A1015" s="6" t="s">
        <v>2768</v>
      </c>
      <c r="B1015" s="6">
        <v>5902763</v>
      </c>
      <c r="C1015" s="7" t="s">
        <v>2822</v>
      </c>
      <c r="D1015" s="6" t="s">
        <v>618</v>
      </c>
      <c r="E1015" s="7" t="s">
        <v>2823</v>
      </c>
    </row>
    <row r="1016" spans="1:5" s="8" customFormat="1" ht="28.5" customHeight="1" x14ac:dyDescent="0.15">
      <c r="A1016" s="6" t="s">
        <v>2768</v>
      </c>
      <c r="B1016" s="6">
        <v>5902789</v>
      </c>
      <c r="C1016" s="7" t="s">
        <v>2824</v>
      </c>
      <c r="D1016" s="6" t="s">
        <v>20</v>
      </c>
      <c r="E1016" s="7" t="s">
        <v>2825</v>
      </c>
    </row>
    <row r="1017" spans="1:5" s="8" customFormat="1" ht="28.5" customHeight="1" x14ac:dyDescent="0.15">
      <c r="A1017" s="6" t="s">
        <v>2768</v>
      </c>
      <c r="B1017" s="6" t="s">
        <v>630</v>
      </c>
      <c r="C1017" s="7" t="s">
        <v>2826</v>
      </c>
      <c r="D1017" s="6" t="s">
        <v>614</v>
      </c>
      <c r="E1017" s="7" t="s">
        <v>2827</v>
      </c>
    </row>
    <row r="1018" spans="1:5" s="8" customFormat="1" ht="28.5" customHeight="1" x14ac:dyDescent="0.15">
      <c r="A1018" s="6" t="s">
        <v>2768</v>
      </c>
      <c r="B1018" s="6" t="s">
        <v>631</v>
      </c>
      <c r="C1018" s="7" t="s">
        <v>2828</v>
      </c>
      <c r="D1018" s="6" t="s">
        <v>619</v>
      </c>
      <c r="E1018" s="7" t="s">
        <v>2829</v>
      </c>
    </row>
    <row r="1019" spans="1:5" s="8" customFormat="1" ht="28.5" customHeight="1" x14ac:dyDescent="0.15">
      <c r="A1019" s="6" t="s">
        <v>2768</v>
      </c>
      <c r="B1019" s="6" t="s">
        <v>632</v>
      </c>
      <c r="C1019" s="7" t="s">
        <v>2830</v>
      </c>
      <c r="D1019" s="6" t="s">
        <v>20</v>
      </c>
      <c r="E1019" s="7" t="s">
        <v>2831</v>
      </c>
    </row>
    <row r="1020" spans="1:5" s="8" customFormat="1" ht="28.5" customHeight="1" x14ac:dyDescent="0.15">
      <c r="A1020" s="6" t="s">
        <v>2768</v>
      </c>
      <c r="B1020" s="6" t="s">
        <v>633</v>
      </c>
      <c r="C1020" s="7" t="s">
        <v>3403</v>
      </c>
      <c r="D1020" s="6" t="s">
        <v>613</v>
      </c>
      <c r="E1020" s="7" t="s">
        <v>2832</v>
      </c>
    </row>
    <row r="1021" spans="1:5" s="8" customFormat="1" ht="28.5" customHeight="1" x14ac:dyDescent="0.15">
      <c r="A1021" s="6" t="s">
        <v>2768</v>
      </c>
      <c r="B1021" s="6">
        <v>5902854</v>
      </c>
      <c r="C1021" s="7" t="s">
        <v>2833</v>
      </c>
      <c r="D1021" s="6" t="s">
        <v>614</v>
      </c>
      <c r="E1021" s="7" t="s">
        <v>2834</v>
      </c>
    </row>
    <row r="1022" spans="1:5" s="8" customFormat="1" ht="28.5" customHeight="1" x14ac:dyDescent="0.15">
      <c r="A1022" s="6" t="s">
        <v>2768</v>
      </c>
      <c r="B1022" s="6">
        <v>5902870</v>
      </c>
      <c r="C1022" s="7" t="s">
        <v>2835</v>
      </c>
      <c r="D1022" s="6" t="s">
        <v>615</v>
      </c>
      <c r="E1022" s="7" t="s">
        <v>2836</v>
      </c>
    </row>
    <row r="1023" spans="1:5" s="8" customFormat="1" ht="28.5" customHeight="1" x14ac:dyDescent="0.15">
      <c r="A1023" s="6" t="s">
        <v>2768</v>
      </c>
      <c r="B1023" s="6">
        <v>5902888</v>
      </c>
      <c r="C1023" s="7" t="s">
        <v>2835</v>
      </c>
      <c r="D1023" s="6" t="s">
        <v>22</v>
      </c>
      <c r="E1023" s="7" t="s">
        <v>2837</v>
      </c>
    </row>
    <row r="1024" spans="1:5" s="8" customFormat="1" ht="28.5" customHeight="1" x14ac:dyDescent="0.15">
      <c r="A1024" s="6" t="s">
        <v>2768</v>
      </c>
      <c r="B1024" s="6">
        <v>5902912</v>
      </c>
      <c r="C1024" s="7" t="s">
        <v>2838</v>
      </c>
      <c r="D1024" s="6" t="s">
        <v>20</v>
      </c>
      <c r="E1024" s="7" t="s">
        <v>2839</v>
      </c>
    </row>
    <row r="1025" spans="1:5" s="8" customFormat="1" ht="28.5" customHeight="1" x14ac:dyDescent="0.15">
      <c r="A1025" s="6" t="s">
        <v>2768</v>
      </c>
      <c r="B1025" s="6" t="s">
        <v>634</v>
      </c>
      <c r="C1025" s="7" t="s">
        <v>2840</v>
      </c>
      <c r="D1025" s="6" t="s">
        <v>23</v>
      </c>
      <c r="E1025" s="7" t="s">
        <v>2841</v>
      </c>
    </row>
    <row r="1026" spans="1:5" s="8" customFormat="1" ht="28.5" customHeight="1" x14ac:dyDescent="0.15">
      <c r="A1026" s="6" t="s">
        <v>2768</v>
      </c>
      <c r="B1026" s="6" t="s">
        <v>635</v>
      </c>
      <c r="C1026" s="7" t="s">
        <v>2842</v>
      </c>
      <c r="D1026" s="6" t="s">
        <v>22</v>
      </c>
      <c r="E1026" s="7" t="s">
        <v>2843</v>
      </c>
    </row>
    <row r="1027" spans="1:5" s="8" customFormat="1" ht="28.5" customHeight="1" x14ac:dyDescent="0.15">
      <c r="A1027" s="6" t="s">
        <v>2768</v>
      </c>
      <c r="B1027" s="6">
        <v>5902946</v>
      </c>
      <c r="C1027" s="7" t="s">
        <v>2844</v>
      </c>
      <c r="D1027" s="6" t="s">
        <v>615</v>
      </c>
      <c r="E1027" s="7" t="s">
        <v>2845</v>
      </c>
    </row>
    <row r="1028" spans="1:5" s="8" customFormat="1" ht="28.5" customHeight="1" x14ac:dyDescent="0.15">
      <c r="A1028" s="6" t="s">
        <v>2768</v>
      </c>
      <c r="B1028" s="6">
        <v>5902953</v>
      </c>
      <c r="C1028" s="7" t="s">
        <v>2846</v>
      </c>
      <c r="D1028" s="6" t="s">
        <v>2847</v>
      </c>
      <c r="E1028" s="7" t="s">
        <v>2848</v>
      </c>
    </row>
    <row r="1029" spans="1:5" s="8" customFormat="1" ht="28.5" customHeight="1" x14ac:dyDescent="0.15">
      <c r="A1029" s="6" t="s">
        <v>2768</v>
      </c>
      <c r="B1029" s="6" t="s">
        <v>636</v>
      </c>
      <c r="C1029" s="7" t="s">
        <v>2849</v>
      </c>
      <c r="D1029" s="6" t="s">
        <v>615</v>
      </c>
      <c r="E1029" s="7" t="s">
        <v>2850</v>
      </c>
    </row>
    <row r="1030" spans="1:5" s="8" customFormat="1" ht="28.5" customHeight="1" x14ac:dyDescent="0.15">
      <c r="A1030" s="6" t="s">
        <v>2768</v>
      </c>
      <c r="B1030" s="6" t="s">
        <v>637</v>
      </c>
      <c r="C1030" s="7" t="s">
        <v>2851</v>
      </c>
      <c r="D1030" s="6" t="s">
        <v>21</v>
      </c>
      <c r="E1030" s="7" t="s">
        <v>2852</v>
      </c>
    </row>
    <row r="1031" spans="1:5" s="8" customFormat="1" ht="28.5" customHeight="1" x14ac:dyDescent="0.15">
      <c r="A1031" s="6" t="s">
        <v>2768</v>
      </c>
      <c r="B1031" s="6" t="s">
        <v>638</v>
      </c>
      <c r="C1031" s="7" t="s">
        <v>3402</v>
      </c>
      <c r="D1031" s="6" t="s">
        <v>639</v>
      </c>
      <c r="E1031" s="7" t="s">
        <v>2853</v>
      </c>
    </row>
    <row r="1032" spans="1:5" s="8" customFormat="1" ht="28.5" customHeight="1" x14ac:dyDescent="0.15">
      <c r="A1032" s="6" t="s">
        <v>2768</v>
      </c>
      <c r="B1032" s="6" t="s">
        <v>640</v>
      </c>
      <c r="C1032" s="7" t="s">
        <v>3401</v>
      </c>
      <c r="D1032" s="6" t="s">
        <v>641</v>
      </c>
      <c r="E1032" s="7" t="s">
        <v>2854</v>
      </c>
    </row>
    <row r="1033" spans="1:5" s="8" customFormat="1" ht="28.5" customHeight="1" x14ac:dyDescent="0.15">
      <c r="A1033" s="6" t="s">
        <v>2768</v>
      </c>
      <c r="B1033" s="6" t="s">
        <v>2855</v>
      </c>
      <c r="C1033" s="7" t="s">
        <v>2856</v>
      </c>
      <c r="D1033" s="6" t="s">
        <v>617</v>
      </c>
      <c r="E1033" s="7" t="s">
        <v>2857</v>
      </c>
    </row>
    <row r="1034" spans="1:5" s="8" customFormat="1" ht="28.5" customHeight="1" x14ac:dyDescent="0.15">
      <c r="A1034" s="6" t="s">
        <v>2768</v>
      </c>
      <c r="B1034" s="6" t="s">
        <v>2858</v>
      </c>
      <c r="C1034" s="7" t="s">
        <v>2859</v>
      </c>
      <c r="D1034" s="6" t="s">
        <v>615</v>
      </c>
      <c r="E1034" s="7" t="s">
        <v>2860</v>
      </c>
    </row>
    <row r="1035" spans="1:5" s="8" customFormat="1" ht="28.5" customHeight="1" x14ac:dyDescent="0.15">
      <c r="A1035" s="6" t="s">
        <v>2768</v>
      </c>
      <c r="B1035" s="6" t="s">
        <v>2861</v>
      </c>
      <c r="C1035" s="7" t="s">
        <v>2862</v>
      </c>
      <c r="D1035" s="6" t="s">
        <v>616</v>
      </c>
      <c r="E1035" s="7" t="s">
        <v>2863</v>
      </c>
    </row>
    <row r="1036" spans="1:5" s="8" customFormat="1" ht="28.5" customHeight="1" x14ac:dyDescent="0.15">
      <c r="A1036" s="6" t="s">
        <v>2768</v>
      </c>
      <c r="B1036" s="6" t="s">
        <v>2864</v>
      </c>
      <c r="C1036" s="7" t="s">
        <v>1870</v>
      </c>
      <c r="D1036" s="6" t="s">
        <v>615</v>
      </c>
      <c r="E1036" s="7" t="s">
        <v>2865</v>
      </c>
    </row>
    <row r="1037" spans="1:5" s="8" customFormat="1" ht="28.5" customHeight="1" x14ac:dyDescent="0.15">
      <c r="A1037" s="6" t="s">
        <v>2768</v>
      </c>
      <c r="B1037" s="6" t="s">
        <v>2866</v>
      </c>
      <c r="C1037" s="7" t="s">
        <v>2867</v>
      </c>
      <c r="D1037" s="6" t="s">
        <v>617</v>
      </c>
      <c r="E1037" s="7" t="s">
        <v>2868</v>
      </c>
    </row>
    <row r="1038" spans="1:5" s="8" customFormat="1" ht="28.5" customHeight="1" x14ac:dyDescent="0.15">
      <c r="A1038" s="6" t="s">
        <v>2768</v>
      </c>
      <c r="B1038" s="6" t="s">
        <v>2869</v>
      </c>
      <c r="C1038" s="7" t="s">
        <v>2870</v>
      </c>
      <c r="D1038" s="6" t="s">
        <v>19</v>
      </c>
      <c r="E1038" s="7" t="s">
        <v>2871</v>
      </c>
    </row>
    <row r="1039" spans="1:5" s="8" customFormat="1" ht="28.5" customHeight="1" x14ac:dyDescent="0.15">
      <c r="A1039" s="6" t="s">
        <v>2872</v>
      </c>
      <c r="B1039" s="6">
        <v>2001098</v>
      </c>
      <c r="C1039" s="7" t="s">
        <v>642</v>
      </c>
      <c r="D1039" s="6" t="s">
        <v>643</v>
      </c>
      <c r="E1039" s="7" t="s">
        <v>644</v>
      </c>
    </row>
    <row r="1040" spans="1:5" s="8" customFormat="1" ht="28.5" customHeight="1" x14ac:dyDescent="0.15">
      <c r="A1040" s="6" t="s">
        <v>2872</v>
      </c>
      <c r="B1040" s="6">
        <v>2001288</v>
      </c>
      <c r="C1040" s="7" t="s">
        <v>2873</v>
      </c>
      <c r="D1040" s="6" t="s">
        <v>645</v>
      </c>
      <c r="E1040" s="7" t="s">
        <v>2874</v>
      </c>
    </row>
    <row r="1041" spans="1:5" s="8" customFormat="1" ht="28.5" customHeight="1" x14ac:dyDescent="0.15">
      <c r="A1041" s="6" t="s">
        <v>2872</v>
      </c>
      <c r="B1041" s="6">
        <v>2001668</v>
      </c>
      <c r="C1041" s="7" t="s">
        <v>2875</v>
      </c>
      <c r="D1041" s="6" t="s">
        <v>645</v>
      </c>
      <c r="E1041" s="7" t="s">
        <v>2876</v>
      </c>
    </row>
    <row r="1042" spans="1:5" s="8" customFormat="1" ht="28.5" customHeight="1" x14ac:dyDescent="0.15">
      <c r="A1042" s="6" t="s">
        <v>2872</v>
      </c>
      <c r="B1042" s="6">
        <v>2001767</v>
      </c>
      <c r="C1042" s="7" t="s">
        <v>642</v>
      </c>
      <c r="D1042" s="6" t="s">
        <v>646</v>
      </c>
      <c r="E1042" s="7" t="s">
        <v>2877</v>
      </c>
    </row>
    <row r="1043" spans="1:5" s="8" customFormat="1" ht="28.5" customHeight="1" x14ac:dyDescent="0.15">
      <c r="A1043" s="6" t="s">
        <v>2872</v>
      </c>
      <c r="B1043" s="6">
        <v>2001882</v>
      </c>
      <c r="C1043" s="7" t="s">
        <v>2657</v>
      </c>
      <c r="D1043" s="6" t="s">
        <v>643</v>
      </c>
      <c r="E1043" s="7" t="s">
        <v>2878</v>
      </c>
    </row>
    <row r="1044" spans="1:5" s="8" customFormat="1" ht="28.5" customHeight="1" x14ac:dyDescent="0.15">
      <c r="A1044" s="6" t="s">
        <v>2872</v>
      </c>
      <c r="B1044" s="6">
        <v>2002112</v>
      </c>
      <c r="C1044" s="7" t="s">
        <v>1745</v>
      </c>
      <c r="D1044" s="6" t="s">
        <v>647</v>
      </c>
      <c r="E1044" s="7" t="s">
        <v>2879</v>
      </c>
    </row>
    <row r="1045" spans="1:5" s="8" customFormat="1" ht="28.5" customHeight="1" x14ac:dyDescent="0.15">
      <c r="A1045" s="6" t="s">
        <v>2872</v>
      </c>
      <c r="B1045" s="6">
        <v>2002138</v>
      </c>
      <c r="C1045" s="7" t="s">
        <v>1192</v>
      </c>
      <c r="D1045" s="6" t="s">
        <v>648</v>
      </c>
      <c r="E1045" s="7" t="s">
        <v>2880</v>
      </c>
    </row>
    <row r="1046" spans="1:5" s="8" customFormat="1" ht="28.5" customHeight="1" x14ac:dyDescent="0.15">
      <c r="A1046" s="6" t="s">
        <v>2872</v>
      </c>
      <c r="B1046" s="6">
        <v>2002260</v>
      </c>
      <c r="C1046" s="7" t="s">
        <v>2881</v>
      </c>
      <c r="D1046" s="6" t="s">
        <v>643</v>
      </c>
      <c r="E1046" s="7" t="s">
        <v>2882</v>
      </c>
    </row>
    <row r="1047" spans="1:5" s="8" customFormat="1" ht="28.5" customHeight="1" x14ac:dyDescent="0.15">
      <c r="A1047" s="6" t="s">
        <v>2872</v>
      </c>
      <c r="B1047" s="6" t="s">
        <v>650</v>
      </c>
      <c r="C1047" s="7" t="s">
        <v>2883</v>
      </c>
      <c r="D1047" s="6" t="s">
        <v>651</v>
      </c>
      <c r="E1047" s="7" t="s">
        <v>2884</v>
      </c>
    </row>
    <row r="1048" spans="1:5" s="8" customFormat="1" ht="28.5" customHeight="1" x14ac:dyDescent="0.15">
      <c r="A1048" s="6" t="s">
        <v>2872</v>
      </c>
      <c r="B1048" s="6">
        <v>2002294</v>
      </c>
      <c r="C1048" s="7" t="s">
        <v>2885</v>
      </c>
      <c r="D1048" s="6" t="s">
        <v>645</v>
      </c>
      <c r="E1048" s="7" t="s">
        <v>2886</v>
      </c>
    </row>
    <row r="1049" spans="1:5" s="8" customFormat="1" ht="28.5" customHeight="1" x14ac:dyDescent="0.15">
      <c r="A1049" s="6" t="s">
        <v>2872</v>
      </c>
      <c r="B1049" s="6">
        <v>2002302</v>
      </c>
      <c r="C1049" s="7" t="s">
        <v>2887</v>
      </c>
      <c r="D1049" s="6" t="s">
        <v>648</v>
      </c>
      <c r="E1049" s="7" t="s">
        <v>2888</v>
      </c>
    </row>
    <row r="1050" spans="1:5" s="8" customFormat="1" ht="28.5" customHeight="1" x14ac:dyDescent="0.15">
      <c r="A1050" s="6" t="s">
        <v>2872</v>
      </c>
      <c r="B1050" s="6">
        <v>2002336</v>
      </c>
      <c r="C1050" s="7" t="s">
        <v>2889</v>
      </c>
      <c r="D1050" s="6" t="s">
        <v>643</v>
      </c>
      <c r="E1050" s="7" t="s">
        <v>2890</v>
      </c>
    </row>
    <row r="1051" spans="1:5" s="8" customFormat="1" ht="28.5" customHeight="1" x14ac:dyDescent="0.15">
      <c r="A1051" s="6" t="s">
        <v>2872</v>
      </c>
      <c r="B1051" s="6" t="s">
        <v>652</v>
      </c>
      <c r="C1051" s="7" t="s">
        <v>2891</v>
      </c>
      <c r="D1051" s="6" t="s">
        <v>653</v>
      </c>
      <c r="E1051" s="7" t="s">
        <v>2892</v>
      </c>
    </row>
    <row r="1052" spans="1:5" s="8" customFormat="1" ht="28.5" customHeight="1" x14ac:dyDescent="0.15">
      <c r="A1052" s="6" t="s">
        <v>2872</v>
      </c>
      <c r="B1052" s="6">
        <v>2002351</v>
      </c>
      <c r="C1052" s="7" t="s">
        <v>2893</v>
      </c>
      <c r="D1052" s="6" t="s">
        <v>648</v>
      </c>
      <c r="E1052" s="7" t="s">
        <v>2894</v>
      </c>
    </row>
    <row r="1053" spans="1:5" s="8" customFormat="1" ht="28.5" customHeight="1" x14ac:dyDescent="0.15">
      <c r="A1053" s="6" t="s">
        <v>2872</v>
      </c>
      <c r="B1053" s="6">
        <v>2002377</v>
      </c>
      <c r="C1053" s="7" t="s">
        <v>2895</v>
      </c>
      <c r="D1053" s="6" t="s">
        <v>654</v>
      </c>
      <c r="E1053" s="7" t="s">
        <v>2896</v>
      </c>
    </row>
    <row r="1054" spans="1:5" s="8" customFormat="1" ht="28.5" customHeight="1" x14ac:dyDescent="0.15">
      <c r="A1054" s="6" t="s">
        <v>2872</v>
      </c>
      <c r="B1054" s="6">
        <v>2002419</v>
      </c>
      <c r="C1054" s="7" t="s">
        <v>2897</v>
      </c>
      <c r="D1054" s="6" t="s">
        <v>655</v>
      </c>
      <c r="E1054" s="7" t="s">
        <v>2898</v>
      </c>
    </row>
    <row r="1055" spans="1:5" s="8" customFormat="1" ht="28.5" customHeight="1" x14ac:dyDescent="0.15">
      <c r="A1055" s="6" t="s">
        <v>2872</v>
      </c>
      <c r="B1055" s="6">
        <v>2002443</v>
      </c>
      <c r="C1055" s="7" t="s">
        <v>2899</v>
      </c>
      <c r="D1055" s="6" t="s">
        <v>656</v>
      </c>
      <c r="E1055" s="7" t="s">
        <v>2900</v>
      </c>
    </row>
    <row r="1056" spans="1:5" s="8" customFormat="1" ht="28.5" customHeight="1" x14ac:dyDescent="0.15">
      <c r="A1056" s="6" t="s">
        <v>2872</v>
      </c>
      <c r="B1056" s="6">
        <v>2002468</v>
      </c>
      <c r="C1056" s="7" t="s">
        <v>2195</v>
      </c>
      <c r="D1056" s="6" t="s">
        <v>656</v>
      </c>
      <c r="E1056" s="7" t="s">
        <v>2901</v>
      </c>
    </row>
    <row r="1057" spans="1:5" s="8" customFormat="1" ht="28.5" customHeight="1" x14ac:dyDescent="0.15">
      <c r="A1057" s="6" t="s">
        <v>2872</v>
      </c>
      <c r="B1057" s="6">
        <v>2002492</v>
      </c>
      <c r="C1057" s="7" t="s">
        <v>2902</v>
      </c>
      <c r="D1057" s="6" t="s">
        <v>657</v>
      </c>
      <c r="E1057" s="7" t="s">
        <v>2903</v>
      </c>
    </row>
    <row r="1058" spans="1:5" s="8" customFormat="1" ht="28.5" customHeight="1" x14ac:dyDescent="0.15">
      <c r="A1058" s="6" t="s">
        <v>2872</v>
      </c>
      <c r="B1058" s="6">
        <v>2002500</v>
      </c>
      <c r="C1058" s="7" t="s">
        <v>1786</v>
      </c>
      <c r="D1058" s="6" t="s">
        <v>655</v>
      </c>
      <c r="E1058" s="7" t="s">
        <v>2904</v>
      </c>
    </row>
    <row r="1059" spans="1:5" s="8" customFormat="1" ht="28.5" customHeight="1" x14ac:dyDescent="0.15">
      <c r="A1059" s="6" t="s">
        <v>2872</v>
      </c>
      <c r="B1059" s="6">
        <v>2002625</v>
      </c>
      <c r="C1059" s="7" t="s">
        <v>658</v>
      </c>
      <c r="D1059" s="6" t="s">
        <v>649</v>
      </c>
      <c r="E1059" s="7" t="s">
        <v>2905</v>
      </c>
    </row>
    <row r="1060" spans="1:5" s="8" customFormat="1" ht="28.5" customHeight="1" x14ac:dyDescent="0.15">
      <c r="A1060" s="6" t="s">
        <v>2872</v>
      </c>
      <c r="B1060" s="6">
        <v>2002658</v>
      </c>
      <c r="C1060" s="7" t="s">
        <v>2906</v>
      </c>
      <c r="D1060" s="6" t="s">
        <v>659</v>
      </c>
      <c r="E1060" s="7" t="s">
        <v>2907</v>
      </c>
    </row>
    <row r="1061" spans="1:5" s="8" customFormat="1" ht="28.5" customHeight="1" x14ac:dyDescent="0.15">
      <c r="A1061" s="6" t="s">
        <v>2872</v>
      </c>
      <c r="B1061" s="6">
        <v>2002666</v>
      </c>
      <c r="C1061" s="7" t="s">
        <v>2908</v>
      </c>
      <c r="D1061" s="6" t="s">
        <v>659</v>
      </c>
      <c r="E1061" s="7" t="s">
        <v>2909</v>
      </c>
    </row>
    <row r="1062" spans="1:5" s="8" customFormat="1" ht="28.5" customHeight="1" x14ac:dyDescent="0.15">
      <c r="A1062" s="6" t="s">
        <v>2872</v>
      </c>
      <c r="B1062" s="6">
        <v>2002674</v>
      </c>
      <c r="C1062" s="7" t="s">
        <v>2910</v>
      </c>
      <c r="D1062" s="6" t="s">
        <v>643</v>
      </c>
      <c r="E1062" s="7" t="s">
        <v>2911</v>
      </c>
    </row>
    <row r="1063" spans="1:5" s="8" customFormat="1" ht="28.5" customHeight="1" x14ac:dyDescent="0.15">
      <c r="A1063" s="6" t="s">
        <v>2872</v>
      </c>
      <c r="B1063" s="6">
        <v>2002732</v>
      </c>
      <c r="C1063" s="7" t="s">
        <v>2912</v>
      </c>
      <c r="D1063" s="6" t="s">
        <v>661</v>
      </c>
      <c r="E1063" s="7" t="s">
        <v>2913</v>
      </c>
    </row>
    <row r="1064" spans="1:5" s="8" customFormat="1" ht="28.5" customHeight="1" x14ac:dyDescent="0.15">
      <c r="A1064" s="6" t="s">
        <v>2872</v>
      </c>
      <c r="B1064" s="6">
        <v>2002765</v>
      </c>
      <c r="C1064" s="7" t="s">
        <v>2914</v>
      </c>
      <c r="D1064" s="6" t="s">
        <v>655</v>
      </c>
      <c r="E1064" s="7" t="s">
        <v>2915</v>
      </c>
    </row>
    <row r="1065" spans="1:5" s="8" customFormat="1" ht="28.5" customHeight="1" x14ac:dyDescent="0.15">
      <c r="A1065" s="6" t="s">
        <v>2872</v>
      </c>
      <c r="B1065" s="6">
        <v>2002807</v>
      </c>
      <c r="C1065" s="7" t="s">
        <v>2916</v>
      </c>
      <c r="D1065" s="6" t="s">
        <v>651</v>
      </c>
      <c r="E1065" s="7" t="s">
        <v>2917</v>
      </c>
    </row>
    <row r="1066" spans="1:5" s="8" customFormat="1" ht="28.5" customHeight="1" x14ac:dyDescent="0.15">
      <c r="A1066" s="6" t="s">
        <v>2872</v>
      </c>
      <c r="B1066" s="6">
        <v>2002815</v>
      </c>
      <c r="C1066" s="7" t="s">
        <v>2916</v>
      </c>
      <c r="D1066" s="6" t="s">
        <v>659</v>
      </c>
      <c r="E1066" s="7" t="s">
        <v>2918</v>
      </c>
    </row>
    <row r="1067" spans="1:5" s="8" customFormat="1" ht="28.5" customHeight="1" x14ac:dyDescent="0.15">
      <c r="A1067" s="6" t="s">
        <v>2872</v>
      </c>
      <c r="B1067" s="6">
        <v>2002849</v>
      </c>
      <c r="C1067" s="7" t="s">
        <v>2919</v>
      </c>
      <c r="D1067" s="6" t="s">
        <v>661</v>
      </c>
      <c r="E1067" s="7" t="s">
        <v>2920</v>
      </c>
    </row>
    <row r="1068" spans="1:5" s="8" customFormat="1" ht="28.5" customHeight="1" x14ac:dyDescent="0.15">
      <c r="A1068" s="6" t="s">
        <v>2872</v>
      </c>
      <c r="B1068" s="6">
        <v>2002856</v>
      </c>
      <c r="C1068" s="7" t="s">
        <v>2921</v>
      </c>
      <c r="D1068" s="6" t="s">
        <v>656</v>
      </c>
      <c r="E1068" s="7" t="s">
        <v>2922</v>
      </c>
    </row>
    <row r="1069" spans="1:5" s="8" customFormat="1" ht="28.5" customHeight="1" x14ac:dyDescent="0.15">
      <c r="A1069" s="6" t="s">
        <v>2872</v>
      </c>
      <c r="B1069" s="6">
        <v>2002872</v>
      </c>
      <c r="C1069" s="7" t="s">
        <v>2923</v>
      </c>
      <c r="D1069" s="6" t="s">
        <v>660</v>
      </c>
      <c r="E1069" s="7" t="s">
        <v>2924</v>
      </c>
    </row>
    <row r="1070" spans="1:5" s="8" customFormat="1" ht="28.5" customHeight="1" x14ac:dyDescent="0.15">
      <c r="A1070" s="6" t="s">
        <v>2872</v>
      </c>
      <c r="B1070" s="6">
        <v>2002898</v>
      </c>
      <c r="C1070" s="7" t="s">
        <v>2796</v>
      </c>
      <c r="D1070" s="6" t="s">
        <v>661</v>
      </c>
      <c r="E1070" s="7" t="s">
        <v>2925</v>
      </c>
    </row>
    <row r="1071" spans="1:5" s="8" customFormat="1" ht="28.5" customHeight="1" x14ac:dyDescent="0.15">
      <c r="A1071" s="6" t="s">
        <v>2872</v>
      </c>
      <c r="B1071" s="6" t="s">
        <v>662</v>
      </c>
      <c r="C1071" s="7" t="s">
        <v>2926</v>
      </c>
      <c r="D1071" s="6" t="s">
        <v>653</v>
      </c>
      <c r="E1071" s="7" t="s">
        <v>2927</v>
      </c>
    </row>
    <row r="1072" spans="1:5" s="8" customFormat="1" ht="28.5" customHeight="1" x14ac:dyDescent="0.15">
      <c r="A1072" s="6" t="s">
        <v>2872</v>
      </c>
      <c r="B1072" s="6">
        <v>2002971</v>
      </c>
      <c r="C1072" s="7" t="s">
        <v>2928</v>
      </c>
      <c r="D1072" s="6" t="s">
        <v>647</v>
      </c>
      <c r="E1072" s="7" t="s">
        <v>2929</v>
      </c>
    </row>
    <row r="1073" spans="1:5" s="8" customFormat="1" ht="28.5" customHeight="1" x14ac:dyDescent="0.15">
      <c r="A1073" s="6" t="s">
        <v>2872</v>
      </c>
      <c r="B1073" s="6">
        <v>2002989</v>
      </c>
      <c r="C1073" s="7" t="s">
        <v>2930</v>
      </c>
      <c r="D1073" s="6" t="s">
        <v>649</v>
      </c>
      <c r="E1073" s="7" t="s">
        <v>2931</v>
      </c>
    </row>
    <row r="1074" spans="1:5" s="8" customFormat="1" ht="28.5" customHeight="1" x14ac:dyDescent="0.15">
      <c r="A1074" s="6" t="s">
        <v>2872</v>
      </c>
      <c r="B1074" s="6">
        <v>2003045</v>
      </c>
      <c r="C1074" s="7" t="s">
        <v>2932</v>
      </c>
      <c r="D1074" s="6" t="s">
        <v>648</v>
      </c>
      <c r="E1074" s="7" t="s">
        <v>2933</v>
      </c>
    </row>
    <row r="1075" spans="1:5" s="8" customFormat="1" ht="28.5" customHeight="1" x14ac:dyDescent="0.15">
      <c r="A1075" s="6" t="s">
        <v>2872</v>
      </c>
      <c r="B1075" s="6">
        <v>2003052</v>
      </c>
      <c r="C1075" s="7" t="s">
        <v>2934</v>
      </c>
      <c r="D1075" s="6" t="s">
        <v>653</v>
      </c>
      <c r="E1075" s="7" t="s">
        <v>2935</v>
      </c>
    </row>
    <row r="1076" spans="1:5" s="8" customFormat="1" ht="28.5" customHeight="1" x14ac:dyDescent="0.15">
      <c r="A1076" s="6" t="s">
        <v>2872</v>
      </c>
      <c r="B1076" s="6" t="s">
        <v>663</v>
      </c>
      <c r="C1076" s="7" t="s">
        <v>2936</v>
      </c>
      <c r="D1076" s="6" t="s">
        <v>661</v>
      </c>
      <c r="E1076" s="7" t="s">
        <v>2937</v>
      </c>
    </row>
    <row r="1077" spans="1:5" s="8" customFormat="1" ht="28.5" customHeight="1" x14ac:dyDescent="0.15">
      <c r="A1077" s="6" t="s">
        <v>2872</v>
      </c>
      <c r="B1077" s="6" t="s">
        <v>664</v>
      </c>
      <c r="C1077" s="7" t="s">
        <v>2938</v>
      </c>
      <c r="D1077" s="6" t="s">
        <v>654</v>
      </c>
      <c r="E1077" s="7" t="s">
        <v>2939</v>
      </c>
    </row>
    <row r="1078" spans="1:5" s="8" customFormat="1" ht="28.5" customHeight="1" x14ac:dyDescent="0.15">
      <c r="A1078" s="6" t="s">
        <v>2872</v>
      </c>
      <c r="B1078" s="6">
        <v>2003136</v>
      </c>
      <c r="C1078" s="7" t="s">
        <v>2940</v>
      </c>
      <c r="D1078" s="6" t="s">
        <v>645</v>
      </c>
      <c r="E1078" s="7" t="s">
        <v>2941</v>
      </c>
    </row>
    <row r="1079" spans="1:5" s="8" customFormat="1" ht="28.5" customHeight="1" x14ac:dyDescent="0.15">
      <c r="A1079" s="6" t="s">
        <v>2872</v>
      </c>
      <c r="B1079" s="6" t="s">
        <v>665</v>
      </c>
      <c r="C1079" s="7" t="s">
        <v>2942</v>
      </c>
      <c r="D1079" s="6" t="s">
        <v>653</v>
      </c>
      <c r="E1079" s="7" t="s">
        <v>2943</v>
      </c>
    </row>
    <row r="1080" spans="1:5" s="8" customFormat="1" ht="28.5" customHeight="1" x14ac:dyDescent="0.15">
      <c r="A1080" s="6" t="s">
        <v>2872</v>
      </c>
      <c r="B1080" s="6">
        <v>2003185</v>
      </c>
      <c r="C1080" s="7" t="s">
        <v>2398</v>
      </c>
      <c r="D1080" s="6" t="s">
        <v>654</v>
      </c>
      <c r="E1080" s="7" t="s">
        <v>2944</v>
      </c>
    </row>
    <row r="1081" spans="1:5" s="8" customFormat="1" ht="28.5" customHeight="1" x14ac:dyDescent="0.15">
      <c r="A1081" s="6" t="s">
        <v>2872</v>
      </c>
      <c r="B1081" s="6">
        <v>2003201</v>
      </c>
      <c r="C1081" s="7" t="s">
        <v>2945</v>
      </c>
      <c r="D1081" s="6" t="s">
        <v>648</v>
      </c>
      <c r="E1081" s="7" t="s">
        <v>2946</v>
      </c>
    </row>
    <row r="1082" spans="1:5" s="8" customFormat="1" ht="28.5" customHeight="1" x14ac:dyDescent="0.15">
      <c r="A1082" s="6" t="s">
        <v>2872</v>
      </c>
      <c r="B1082" s="6" t="s">
        <v>666</v>
      </c>
      <c r="C1082" s="7" t="s">
        <v>2947</v>
      </c>
      <c r="D1082" s="6" t="s">
        <v>653</v>
      </c>
      <c r="E1082" s="7" t="s">
        <v>2948</v>
      </c>
    </row>
    <row r="1083" spans="1:5" s="8" customFormat="1" ht="28.5" customHeight="1" x14ac:dyDescent="0.15">
      <c r="A1083" s="6" t="s">
        <v>2872</v>
      </c>
      <c r="B1083" s="6" t="s">
        <v>667</v>
      </c>
      <c r="C1083" s="7" t="s">
        <v>2949</v>
      </c>
      <c r="D1083" s="6" t="s">
        <v>654</v>
      </c>
      <c r="E1083" s="7" t="s">
        <v>2950</v>
      </c>
    </row>
    <row r="1084" spans="1:5" s="8" customFormat="1" ht="28.5" customHeight="1" x14ac:dyDescent="0.15">
      <c r="A1084" s="6" t="s">
        <v>2872</v>
      </c>
      <c r="B1084" s="6">
        <v>2003268</v>
      </c>
      <c r="C1084" s="7" t="s">
        <v>2951</v>
      </c>
      <c r="D1084" s="6" t="s">
        <v>661</v>
      </c>
      <c r="E1084" s="7" t="s">
        <v>2952</v>
      </c>
    </row>
    <row r="1085" spans="1:5" s="8" customFormat="1" ht="28.5" customHeight="1" x14ac:dyDescent="0.15">
      <c r="A1085" s="6" t="s">
        <v>2872</v>
      </c>
      <c r="B1085" s="6" t="s">
        <v>668</v>
      </c>
      <c r="C1085" s="7" t="s">
        <v>2953</v>
      </c>
      <c r="D1085" s="6" t="s">
        <v>655</v>
      </c>
      <c r="E1085" s="7" t="s">
        <v>2954</v>
      </c>
    </row>
    <row r="1086" spans="1:5" s="8" customFormat="1" ht="28.5" customHeight="1" x14ac:dyDescent="0.15">
      <c r="A1086" s="6" t="s">
        <v>2955</v>
      </c>
      <c r="B1086" s="6" t="s">
        <v>2956</v>
      </c>
      <c r="C1086" s="7" t="s">
        <v>2957</v>
      </c>
      <c r="D1086" s="6" t="s">
        <v>655</v>
      </c>
      <c r="E1086" s="7" t="s">
        <v>2958</v>
      </c>
    </row>
    <row r="1087" spans="1:5" s="8" customFormat="1" ht="28.5" customHeight="1" x14ac:dyDescent="0.15">
      <c r="A1087" s="6" t="s">
        <v>2872</v>
      </c>
      <c r="B1087" s="6">
        <v>2003318</v>
      </c>
      <c r="C1087" s="7" t="s">
        <v>2959</v>
      </c>
      <c r="D1087" s="6" t="s">
        <v>654</v>
      </c>
      <c r="E1087" s="7" t="s">
        <v>2960</v>
      </c>
    </row>
    <row r="1088" spans="1:5" s="8" customFormat="1" ht="28.5" customHeight="1" x14ac:dyDescent="0.15">
      <c r="A1088" s="6" t="s">
        <v>2872</v>
      </c>
      <c r="B1088" s="6" t="s">
        <v>669</v>
      </c>
      <c r="C1088" s="7" t="s">
        <v>2961</v>
      </c>
      <c r="D1088" s="6" t="s">
        <v>660</v>
      </c>
      <c r="E1088" s="7" t="s">
        <v>2962</v>
      </c>
    </row>
    <row r="1089" spans="1:5" s="8" customFormat="1" ht="28.5" customHeight="1" x14ac:dyDescent="0.15">
      <c r="A1089" s="6" t="s">
        <v>2872</v>
      </c>
      <c r="B1089" s="6">
        <v>2003342</v>
      </c>
      <c r="C1089" s="7" t="s">
        <v>1167</v>
      </c>
      <c r="D1089" s="6" t="s">
        <v>655</v>
      </c>
      <c r="E1089" s="7" t="s">
        <v>2963</v>
      </c>
    </row>
    <row r="1090" spans="1:5" s="8" customFormat="1" ht="28.5" customHeight="1" x14ac:dyDescent="0.15">
      <c r="A1090" s="6" t="s">
        <v>2872</v>
      </c>
      <c r="B1090" s="6">
        <v>2003375</v>
      </c>
      <c r="C1090" s="7" t="s">
        <v>2964</v>
      </c>
      <c r="D1090" s="6" t="s">
        <v>645</v>
      </c>
      <c r="E1090" s="7" t="s">
        <v>2965</v>
      </c>
    </row>
    <row r="1091" spans="1:5" s="8" customFormat="1" ht="28.5" customHeight="1" x14ac:dyDescent="0.15">
      <c r="A1091" s="6" t="s">
        <v>2872</v>
      </c>
      <c r="B1091" s="6">
        <v>2003383</v>
      </c>
      <c r="C1091" s="7" t="s">
        <v>2966</v>
      </c>
      <c r="D1091" s="6" t="s">
        <v>648</v>
      </c>
      <c r="E1091" s="7" t="s">
        <v>2967</v>
      </c>
    </row>
    <row r="1092" spans="1:5" s="8" customFormat="1" ht="28.5" customHeight="1" x14ac:dyDescent="0.15">
      <c r="A1092" s="6" t="s">
        <v>2872</v>
      </c>
      <c r="B1092" s="6">
        <v>2003391</v>
      </c>
      <c r="C1092" s="7" t="s">
        <v>2968</v>
      </c>
      <c r="D1092" s="6" t="s">
        <v>660</v>
      </c>
      <c r="E1092" s="7" t="s">
        <v>2969</v>
      </c>
    </row>
    <row r="1093" spans="1:5" s="8" customFormat="1" ht="28.5" customHeight="1" x14ac:dyDescent="0.15">
      <c r="A1093" s="6" t="s">
        <v>2872</v>
      </c>
      <c r="B1093" s="6" t="s">
        <v>670</v>
      </c>
      <c r="C1093" s="7" t="s">
        <v>1259</v>
      </c>
      <c r="D1093" s="6" t="s">
        <v>661</v>
      </c>
      <c r="E1093" s="7" t="s">
        <v>2970</v>
      </c>
    </row>
    <row r="1094" spans="1:5" s="8" customFormat="1" ht="28.5" customHeight="1" x14ac:dyDescent="0.15">
      <c r="A1094" s="6" t="s">
        <v>2872</v>
      </c>
      <c r="B1094" s="6" t="s">
        <v>671</v>
      </c>
      <c r="C1094" s="7" t="s">
        <v>2971</v>
      </c>
      <c r="D1094" s="6" t="s">
        <v>672</v>
      </c>
      <c r="E1094" s="7" t="s">
        <v>2972</v>
      </c>
    </row>
    <row r="1095" spans="1:5" s="8" customFormat="1" ht="28.5" customHeight="1" x14ac:dyDescent="0.15">
      <c r="A1095" s="6" t="s">
        <v>2872</v>
      </c>
      <c r="B1095" s="6" t="s">
        <v>673</v>
      </c>
      <c r="C1095" s="7" t="s">
        <v>2973</v>
      </c>
      <c r="D1095" s="6" t="s">
        <v>655</v>
      </c>
      <c r="E1095" s="7" t="s">
        <v>2974</v>
      </c>
    </row>
    <row r="1096" spans="1:5" s="8" customFormat="1" ht="28.5" customHeight="1" x14ac:dyDescent="0.15">
      <c r="A1096" s="6" t="s">
        <v>2872</v>
      </c>
      <c r="B1096" s="6" t="s">
        <v>674</v>
      </c>
      <c r="C1096" s="7" t="s">
        <v>2975</v>
      </c>
      <c r="D1096" s="6" t="s">
        <v>653</v>
      </c>
      <c r="E1096" s="7" t="s">
        <v>2976</v>
      </c>
    </row>
    <row r="1097" spans="1:5" s="8" customFormat="1" ht="28.5" customHeight="1" x14ac:dyDescent="0.15">
      <c r="A1097" s="6" t="s">
        <v>2872</v>
      </c>
      <c r="B1097" s="6" t="s">
        <v>675</v>
      </c>
      <c r="C1097" s="7" t="s">
        <v>2977</v>
      </c>
      <c r="D1097" s="6" t="s">
        <v>676</v>
      </c>
      <c r="E1097" s="7" t="s">
        <v>2978</v>
      </c>
    </row>
    <row r="1098" spans="1:5" s="8" customFormat="1" ht="28.5" customHeight="1" x14ac:dyDescent="0.15">
      <c r="A1098" s="6" t="s">
        <v>2872</v>
      </c>
      <c r="B1098" s="6" t="s">
        <v>677</v>
      </c>
      <c r="C1098" s="7" t="s">
        <v>2979</v>
      </c>
      <c r="D1098" s="6" t="s">
        <v>648</v>
      </c>
      <c r="E1098" s="7" t="s">
        <v>2980</v>
      </c>
    </row>
    <row r="1099" spans="1:5" s="8" customFormat="1" ht="28.5" customHeight="1" x14ac:dyDescent="0.15">
      <c r="A1099" s="6" t="s">
        <v>2872</v>
      </c>
      <c r="B1099" s="6" t="s">
        <v>678</v>
      </c>
      <c r="C1099" s="7" t="s">
        <v>2981</v>
      </c>
      <c r="D1099" s="6" t="s">
        <v>643</v>
      </c>
      <c r="E1099" s="7" t="s">
        <v>2982</v>
      </c>
    </row>
    <row r="1100" spans="1:5" s="8" customFormat="1" ht="28.5" customHeight="1" x14ac:dyDescent="0.15">
      <c r="A1100" s="6" t="s">
        <v>2872</v>
      </c>
      <c r="B1100" s="6" t="s">
        <v>679</v>
      </c>
      <c r="C1100" s="7" t="s">
        <v>2983</v>
      </c>
      <c r="D1100" s="6" t="s">
        <v>653</v>
      </c>
      <c r="E1100" s="7" t="s">
        <v>2984</v>
      </c>
    </row>
    <row r="1101" spans="1:5" s="8" customFormat="1" ht="28.5" customHeight="1" x14ac:dyDescent="0.15">
      <c r="A1101" s="6" t="s">
        <v>2872</v>
      </c>
      <c r="B1101" s="6" t="s">
        <v>680</v>
      </c>
      <c r="C1101" s="7" t="s">
        <v>2985</v>
      </c>
      <c r="D1101" s="6" t="s">
        <v>654</v>
      </c>
      <c r="E1101" s="7" t="s">
        <v>2986</v>
      </c>
    </row>
    <row r="1102" spans="1:5" s="8" customFormat="1" ht="28.5" customHeight="1" x14ac:dyDescent="0.15">
      <c r="A1102" s="6" t="s">
        <v>2872</v>
      </c>
      <c r="B1102" s="6" t="s">
        <v>681</v>
      </c>
      <c r="C1102" s="7" t="s">
        <v>2987</v>
      </c>
      <c r="D1102" s="6" t="s">
        <v>654</v>
      </c>
      <c r="E1102" s="7" t="s">
        <v>2988</v>
      </c>
    </row>
    <row r="1103" spans="1:5" s="8" customFormat="1" ht="28.5" customHeight="1" x14ac:dyDescent="0.15">
      <c r="A1103" s="6" t="s">
        <v>2872</v>
      </c>
      <c r="B1103" s="6" t="s">
        <v>682</v>
      </c>
      <c r="C1103" s="7" t="s">
        <v>2989</v>
      </c>
      <c r="D1103" s="6" t="s">
        <v>676</v>
      </c>
      <c r="E1103" s="7" t="s">
        <v>2990</v>
      </c>
    </row>
    <row r="1104" spans="1:5" s="8" customFormat="1" ht="28.5" customHeight="1" x14ac:dyDescent="0.15">
      <c r="A1104" s="6" t="s">
        <v>2872</v>
      </c>
      <c r="B1104" s="6" t="s">
        <v>683</v>
      </c>
      <c r="C1104" s="7" t="s">
        <v>2991</v>
      </c>
      <c r="D1104" s="6" t="s">
        <v>656</v>
      </c>
      <c r="E1104" s="7" t="s">
        <v>2992</v>
      </c>
    </row>
    <row r="1105" spans="1:5" s="8" customFormat="1" ht="28.5" customHeight="1" x14ac:dyDescent="0.15">
      <c r="A1105" s="6" t="s">
        <v>2872</v>
      </c>
      <c r="B1105" s="6" t="s">
        <v>684</v>
      </c>
      <c r="C1105" s="7" t="s">
        <v>2993</v>
      </c>
      <c r="D1105" s="6" t="s">
        <v>655</v>
      </c>
      <c r="E1105" s="7" t="s">
        <v>2994</v>
      </c>
    </row>
    <row r="1106" spans="1:5" s="8" customFormat="1" ht="28.5" customHeight="1" x14ac:dyDescent="0.15">
      <c r="A1106" s="6" t="s">
        <v>2872</v>
      </c>
      <c r="B1106" s="6">
        <v>2003557</v>
      </c>
      <c r="C1106" s="7" t="s">
        <v>2995</v>
      </c>
      <c r="D1106" s="6" t="s">
        <v>655</v>
      </c>
      <c r="E1106" s="7" t="s">
        <v>2996</v>
      </c>
    </row>
    <row r="1107" spans="1:5" s="8" customFormat="1" ht="28.5" customHeight="1" x14ac:dyDescent="0.15">
      <c r="A1107" s="6" t="s">
        <v>2872</v>
      </c>
      <c r="B1107" s="6" t="s">
        <v>685</v>
      </c>
      <c r="C1107" s="7" t="s">
        <v>2997</v>
      </c>
      <c r="D1107" s="6" t="s">
        <v>647</v>
      </c>
      <c r="E1107" s="7" t="s">
        <v>2998</v>
      </c>
    </row>
    <row r="1108" spans="1:5" s="8" customFormat="1" ht="28.5" customHeight="1" x14ac:dyDescent="0.15">
      <c r="A1108" s="6" t="s">
        <v>2872</v>
      </c>
      <c r="B1108" s="6" t="s">
        <v>2999</v>
      </c>
      <c r="C1108" s="7" t="s">
        <v>3000</v>
      </c>
      <c r="D1108" s="6" t="s">
        <v>661</v>
      </c>
      <c r="E1108" s="7" t="s">
        <v>3001</v>
      </c>
    </row>
    <row r="1109" spans="1:5" s="8" customFormat="1" ht="28.5" customHeight="1" x14ac:dyDescent="0.15">
      <c r="A1109" s="6" t="s">
        <v>2872</v>
      </c>
      <c r="B1109" s="6" t="s">
        <v>3002</v>
      </c>
      <c r="C1109" s="7" t="s">
        <v>3003</v>
      </c>
      <c r="D1109" s="6" t="s">
        <v>643</v>
      </c>
      <c r="E1109" s="7" t="s">
        <v>3004</v>
      </c>
    </row>
    <row r="1110" spans="1:5" s="8" customFormat="1" ht="28.5" customHeight="1" x14ac:dyDescent="0.15">
      <c r="A1110" s="6" t="s">
        <v>2872</v>
      </c>
      <c r="B1110" s="6" t="s">
        <v>3005</v>
      </c>
      <c r="C1110" s="7" t="s">
        <v>3006</v>
      </c>
      <c r="D1110" s="6" t="s">
        <v>654</v>
      </c>
      <c r="E1110" s="7" t="s">
        <v>3007</v>
      </c>
    </row>
    <row r="1111" spans="1:5" s="8" customFormat="1" ht="28.5" customHeight="1" x14ac:dyDescent="0.15">
      <c r="A1111" s="6" t="s">
        <v>2955</v>
      </c>
      <c r="B1111" s="6" t="s">
        <v>3008</v>
      </c>
      <c r="C1111" s="7" t="s">
        <v>3009</v>
      </c>
      <c r="D1111" s="6" t="s">
        <v>660</v>
      </c>
      <c r="E1111" s="7" t="s">
        <v>3010</v>
      </c>
    </row>
    <row r="1112" spans="1:5" s="8" customFormat="1" ht="28.5" customHeight="1" x14ac:dyDescent="0.15">
      <c r="A1112" s="6" t="s">
        <v>2955</v>
      </c>
      <c r="B1112" s="6" t="s">
        <v>3011</v>
      </c>
      <c r="C1112" s="7" t="s">
        <v>3012</v>
      </c>
      <c r="D1112" s="6" t="s">
        <v>643</v>
      </c>
      <c r="E1112" s="7" t="s">
        <v>3013</v>
      </c>
    </row>
    <row r="1113" spans="1:5" s="8" customFormat="1" ht="28.5" customHeight="1" x14ac:dyDescent="0.15">
      <c r="A1113" s="6" t="s">
        <v>2872</v>
      </c>
      <c r="B1113" s="6" t="s">
        <v>3014</v>
      </c>
      <c r="C1113" s="7" t="s">
        <v>3015</v>
      </c>
      <c r="D1113" s="6" t="s">
        <v>649</v>
      </c>
      <c r="E1113" s="7" t="s">
        <v>3016</v>
      </c>
    </row>
    <row r="1114" spans="1:5" s="8" customFormat="1" ht="28.5" customHeight="1" x14ac:dyDescent="0.15">
      <c r="A1114" s="6" t="s">
        <v>2872</v>
      </c>
      <c r="B1114" s="6" t="s">
        <v>3017</v>
      </c>
      <c r="C1114" s="7" t="s">
        <v>3018</v>
      </c>
      <c r="D1114" s="6" t="s">
        <v>643</v>
      </c>
      <c r="E1114" s="7" t="s">
        <v>3019</v>
      </c>
    </row>
    <row r="1115" spans="1:5" s="8" customFormat="1" ht="28.5" customHeight="1" x14ac:dyDescent="0.15">
      <c r="A1115" s="6" t="s">
        <v>2872</v>
      </c>
      <c r="B1115" s="6" t="s">
        <v>3020</v>
      </c>
      <c r="C1115" s="7" t="s">
        <v>3021</v>
      </c>
      <c r="D1115" s="6" t="s">
        <v>643</v>
      </c>
      <c r="E1115" s="7" t="s">
        <v>3022</v>
      </c>
    </row>
    <row r="1116" spans="1:5" s="8" customFormat="1" ht="28.5" customHeight="1" x14ac:dyDescent="0.15">
      <c r="A1116" s="6" t="s">
        <v>2872</v>
      </c>
      <c r="B1116" s="6" t="s">
        <v>3023</v>
      </c>
      <c r="C1116" s="7" t="s">
        <v>3024</v>
      </c>
      <c r="D1116" s="6" t="s">
        <v>653</v>
      </c>
      <c r="E1116" s="7" t="s">
        <v>3025</v>
      </c>
    </row>
    <row r="1117" spans="1:5" s="8" customFormat="1" ht="28.5" customHeight="1" x14ac:dyDescent="0.15">
      <c r="A1117" s="6" t="s">
        <v>3026</v>
      </c>
      <c r="B1117" s="6" t="s">
        <v>686</v>
      </c>
      <c r="C1117" s="7" t="s">
        <v>3027</v>
      </c>
      <c r="D1117" s="6" t="s">
        <v>687</v>
      </c>
      <c r="E1117" s="7" t="s">
        <v>3028</v>
      </c>
    </row>
    <row r="1118" spans="1:5" s="8" customFormat="1" ht="28.5" customHeight="1" x14ac:dyDescent="0.15">
      <c r="A1118" s="6" t="s">
        <v>3026</v>
      </c>
      <c r="B1118" s="6" t="s">
        <v>689</v>
      </c>
      <c r="C1118" s="7" t="s">
        <v>690</v>
      </c>
      <c r="D1118" s="6" t="s">
        <v>691</v>
      </c>
      <c r="E1118" s="7" t="s">
        <v>3029</v>
      </c>
    </row>
    <row r="1119" spans="1:5" s="8" customFormat="1" ht="28.5" customHeight="1" x14ac:dyDescent="0.15">
      <c r="A1119" s="6" t="s">
        <v>3026</v>
      </c>
      <c r="B1119" s="6" t="s">
        <v>692</v>
      </c>
      <c r="C1119" s="7" t="s">
        <v>3030</v>
      </c>
      <c r="D1119" s="6" t="s">
        <v>693</v>
      </c>
      <c r="E1119" s="7" t="s">
        <v>3031</v>
      </c>
    </row>
    <row r="1120" spans="1:5" s="8" customFormat="1" ht="28.5" customHeight="1" x14ac:dyDescent="0.15">
      <c r="A1120" s="6" t="s">
        <v>3026</v>
      </c>
      <c r="B1120" s="6" t="s">
        <v>694</v>
      </c>
      <c r="C1120" s="7" t="s">
        <v>3032</v>
      </c>
      <c r="D1120" s="6" t="s">
        <v>695</v>
      </c>
      <c r="E1120" s="7" t="s">
        <v>3033</v>
      </c>
    </row>
    <row r="1121" spans="1:5" s="8" customFormat="1" ht="28.5" customHeight="1" x14ac:dyDescent="0.15">
      <c r="A1121" s="6" t="s">
        <v>3026</v>
      </c>
      <c r="B1121" s="6" t="s">
        <v>696</v>
      </c>
      <c r="C1121" s="7" t="s">
        <v>3034</v>
      </c>
      <c r="D1121" s="6" t="s">
        <v>697</v>
      </c>
      <c r="E1121" s="7" t="s">
        <v>3035</v>
      </c>
    </row>
    <row r="1122" spans="1:5" s="8" customFormat="1" ht="28.5" customHeight="1" x14ac:dyDescent="0.15">
      <c r="A1122" s="6" t="s">
        <v>3026</v>
      </c>
      <c r="B1122" s="6" t="s">
        <v>698</v>
      </c>
      <c r="C1122" s="7" t="s">
        <v>3036</v>
      </c>
      <c r="D1122" s="6" t="s">
        <v>699</v>
      </c>
      <c r="E1122" s="7" t="s">
        <v>3037</v>
      </c>
    </row>
    <row r="1123" spans="1:5" s="8" customFormat="1" ht="28.5" customHeight="1" x14ac:dyDescent="0.15">
      <c r="A1123" s="6" t="s">
        <v>3026</v>
      </c>
      <c r="B1123" s="6" t="s">
        <v>700</v>
      </c>
      <c r="C1123" s="7" t="s">
        <v>3038</v>
      </c>
      <c r="D1123" s="6" t="s">
        <v>701</v>
      </c>
      <c r="E1123" s="7" t="s">
        <v>3039</v>
      </c>
    </row>
    <row r="1124" spans="1:5" s="8" customFormat="1" ht="28.5" customHeight="1" x14ac:dyDescent="0.15">
      <c r="A1124" s="6" t="s">
        <v>3026</v>
      </c>
      <c r="B1124" s="6" t="s">
        <v>702</v>
      </c>
      <c r="C1124" s="7" t="s">
        <v>3040</v>
      </c>
      <c r="D1124" s="6" t="s">
        <v>703</v>
      </c>
      <c r="E1124" s="7" t="s">
        <v>3041</v>
      </c>
    </row>
    <row r="1125" spans="1:5" s="8" customFormat="1" ht="28.5" customHeight="1" x14ac:dyDescent="0.15">
      <c r="A1125" s="6" t="s">
        <v>3026</v>
      </c>
      <c r="B1125" s="6" t="s">
        <v>704</v>
      </c>
      <c r="C1125" s="7" t="s">
        <v>1870</v>
      </c>
      <c r="D1125" s="6" t="s">
        <v>699</v>
      </c>
      <c r="E1125" s="7" t="s">
        <v>3042</v>
      </c>
    </row>
    <row r="1126" spans="1:5" s="8" customFormat="1" ht="28.5" customHeight="1" x14ac:dyDescent="0.15">
      <c r="A1126" s="6" t="s">
        <v>3026</v>
      </c>
      <c r="B1126" s="6" t="s">
        <v>705</v>
      </c>
      <c r="C1126" s="7" t="s">
        <v>1786</v>
      </c>
      <c r="D1126" s="6" t="s">
        <v>687</v>
      </c>
      <c r="E1126" s="7" t="s">
        <v>3043</v>
      </c>
    </row>
    <row r="1127" spans="1:5" s="8" customFormat="1" ht="28.5" customHeight="1" x14ac:dyDescent="0.15">
      <c r="A1127" s="6" t="s">
        <v>3026</v>
      </c>
      <c r="B1127" s="6" t="s">
        <v>706</v>
      </c>
      <c r="C1127" s="7" t="s">
        <v>3044</v>
      </c>
      <c r="D1127" s="6" t="s">
        <v>24</v>
      </c>
      <c r="E1127" s="7" t="s">
        <v>3045</v>
      </c>
    </row>
    <row r="1128" spans="1:5" s="8" customFormat="1" ht="28.5" customHeight="1" x14ac:dyDescent="0.15">
      <c r="A1128" s="6" t="s">
        <v>3026</v>
      </c>
      <c r="B1128" s="6" t="s">
        <v>707</v>
      </c>
      <c r="C1128" s="7" t="s">
        <v>3046</v>
      </c>
      <c r="D1128" s="6" t="s">
        <v>708</v>
      </c>
      <c r="E1128" s="7" t="s">
        <v>3047</v>
      </c>
    </row>
    <row r="1129" spans="1:5" s="8" customFormat="1" ht="28.5" customHeight="1" x14ac:dyDescent="0.15">
      <c r="A1129" s="6" t="s">
        <v>3026</v>
      </c>
      <c r="B1129" s="6" t="s">
        <v>709</v>
      </c>
      <c r="C1129" s="7" t="s">
        <v>3048</v>
      </c>
      <c r="D1129" s="6" t="s">
        <v>710</v>
      </c>
      <c r="E1129" s="7" t="s">
        <v>3049</v>
      </c>
    </row>
    <row r="1130" spans="1:5" s="8" customFormat="1" ht="28.5" customHeight="1" x14ac:dyDescent="0.15">
      <c r="A1130" s="6" t="s">
        <v>3026</v>
      </c>
      <c r="B1130" s="6" t="s">
        <v>711</v>
      </c>
      <c r="C1130" s="7" t="s">
        <v>3050</v>
      </c>
      <c r="D1130" s="6" t="s">
        <v>712</v>
      </c>
      <c r="E1130" s="7" t="s">
        <v>3051</v>
      </c>
    </row>
    <row r="1131" spans="1:5" s="8" customFormat="1" ht="28.5" customHeight="1" x14ac:dyDescent="0.15">
      <c r="A1131" s="6" t="s">
        <v>3026</v>
      </c>
      <c r="B1131" s="6" t="s">
        <v>713</v>
      </c>
      <c r="C1131" s="7" t="s">
        <v>3052</v>
      </c>
      <c r="D1131" s="6" t="s">
        <v>24</v>
      </c>
      <c r="E1131" s="7" t="s">
        <v>3053</v>
      </c>
    </row>
    <row r="1132" spans="1:5" s="8" customFormat="1" ht="28.5" customHeight="1" x14ac:dyDescent="0.15">
      <c r="A1132" s="6" t="s">
        <v>3026</v>
      </c>
      <c r="B1132" s="6" t="s">
        <v>714</v>
      </c>
      <c r="C1132" s="7" t="s">
        <v>3054</v>
      </c>
      <c r="D1132" s="6" t="s">
        <v>695</v>
      </c>
      <c r="E1132" s="7" t="s">
        <v>3055</v>
      </c>
    </row>
    <row r="1133" spans="1:5" s="8" customFormat="1" ht="28.5" customHeight="1" x14ac:dyDescent="0.15">
      <c r="A1133" s="6" t="s">
        <v>3026</v>
      </c>
      <c r="B1133" s="6" t="s">
        <v>715</v>
      </c>
      <c r="C1133" s="7" t="s">
        <v>3056</v>
      </c>
      <c r="D1133" s="6" t="s">
        <v>697</v>
      </c>
      <c r="E1133" s="7" t="s">
        <v>3057</v>
      </c>
    </row>
    <row r="1134" spans="1:5" s="8" customFormat="1" ht="28.5" customHeight="1" x14ac:dyDescent="0.15">
      <c r="A1134" s="6" t="s">
        <v>3026</v>
      </c>
      <c r="B1134" s="6" t="s">
        <v>716</v>
      </c>
      <c r="C1134" s="7" t="s">
        <v>3058</v>
      </c>
      <c r="D1134" s="6" t="s">
        <v>701</v>
      </c>
      <c r="E1134" s="7" t="s">
        <v>3059</v>
      </c>
    </row>
    <row r="1135" spans="1:5" s="8" customFormat="1" ht="28.5" customHeight="1" x14ac:dyDescent="0.15">
      <c r="A1135" s="6" t="s">
        <v>3026</v>
      </c>
      <c r="B1135" s="6" t="s">
        <v>717</v>
      </c>
      <c r="C1135" s="7" t="s">
        <v>848</v>
      </c>
      <c r="D1135" s="6" t="s">
        <v>24</v>
      </c>
      <c r="E1135" s="7" t="s">
        <v>3060</v>
      </c>
    </row>
    <row r="1136" spans="1:5" s="8" customFormat="1" ht="28.5" customHeight="1" x14ac:dyDescent="0.15">
      <c r="A1136" s="6" t="s">
        <v>3026</v>
      </c>
      <c r="B1136" s="6" t="s">
        <v>718</v>
      </c>
      <c r="C1136" s="7" t="s">
        <v>3061</v>
      </c>
      <c r="D1136" s="6" t="s">
        <v>712</v>
      </c>
      <c r="E1136" s="7" t="s">
        <v>3062</v>
      </c>
    </row>
    <row r="1137" spans="1:5" s="8" customFormat="1" ht="28.5" customHeight="1" x14ac:dyDescent="0.15">
      <c r="A1137" s="6" t="s">
        <v>3026</v>
      </c>
      <c r="B1137" s="6" t="s">
        <v>719</v>
      </c>
      <c r="C1137" s="7" t="s">
        <v>3063</v>
      </c>
      <c r="D1137" s="6" t="s">
        <v>708</v>
      </c>
      <c r="E1137" s="7" t="s">
        <v>3064</v>
      </c>
    </row>
    <row r="1138" spans="1:5" s="8" customFormat="1" ht="28.5" customHeight="1" x14ac:dyDescent="0.15">
      <c r="A1138" s="6" t="s">
        <v>3026</v>
      </c>
      <c r="B1138" s="6" t="s">
        <v>720</v>
      </c>
      <c r="C1138" s="7" t="s">
        <v>3065</v>
      </c>
      <c r="D1138" s="6" t="s">
        <v>721</v>
      </c>
      <c r="E1138" s="7" t="s">
        <v>3066</v>
      </c>
    </row>
    <row r="1139" spans="1:5" s="8" customFormat="1" ht="28.5" customHeight="1" x14ac:dyDescent="0.15">
      <c r="A1139" s="6" t="s">
        <v>3026</v>
      </c>
      <c r="B1139" s="6" t="s">
        <v>722</v>
      </c>
      <c r="C1139" s="7" t="s">
        <v>3067</v>
      </c>
      <c r="D1139" s="6" t="s">
        <v>708</v>
      </c>
      <c r="E1139" s="7" t="s">
        <v>3068</v>
      </c>
    </row>
    <row r="1140" spans="1:5" s="8" customFormat="1" ht="28.5" customHeight="1" x14ac:dyDescent="0.15">
      <c r="A1140" s="6" t="s">
        <v>3026</v>
      </c>
      <c r="B1140" s="6" t="s">
        <v>723</v>
      </c>
      <c r="C1140" s="7" t="s">
        <v>3069</v>
      </c>
      <c r="D1140" s="6" t="s">
        <v>721</v>
      </c>
      <c r="E1140" s="7" t="s">
        <v>3070</v>
      </c>
    </row>
    <row r="1141" spans="1:5" s="8" customFormat="1" ht="28.5" customHeight="1" x14ac:dyDescent="0.15">
      <c r="A1141" s="6" t="s">
        <v>3026</v>
      </c>
      <c r="B1141" s="6" t="s">
        <v>724</v>
      </c>
      <c r="C1141" s="7" t="s">
        <v>3071</v>
      </c>
      <c r="D1141" s="6" t="s">
        <v>24</v>
      </c>
      <c r="E1141" s="7" t="s">
        <v>3072</v>
      </c>
    </row>
    <row r="1142" spans="1:5" s="8" customFormat="1" ht="28.5" customHeight="1" x14ac:dyDescent="0.15">
      <c r="A1142" s="6" t="s">
        <v>3026</v>
      </c>
      <c r="B1142" s="6" t="s">
        <v>725</v>
      </c>
      <c r="C1142" s="7" t="s">
        <v>3073</v>
      </c>
      <c r="D1142" s="6" t="s">
        <v>693</v>
      </c>
      <c r="E1142" s="7" t="s">
        <v>3074</v>
      </c>
    </row>
    <row r="1143" spans="1:5" s="8" customFormat="1" ht="28.5" customHeight="1" x14ac:dyDescent="0.15">
      <c r="A1143" s="6" t="s">
        <v>3026</v>
      </c>
      <c r="B1143" s="6" t="s">
        <v>726</v>
      </c>
      <c r="C1143" s="7" t="s">
        <v>3075</v>
      </c>
      <c r="D1143" s="6" t="s">
        <v>691</v>
      </c>
      <c r="E1143" s="7" t="s">
        <v>3076</v>
      </c>
    </row>
    <row r="1144" spans="1:5" s="8" customFormat="1" ht="28.5" customHeight="1" x14ac:dyDescent="0.15">
      <c r="A1144" s="6" t="s">
        <v>3026</v>
      </c>
      <c r="B1144" s="6" t="s">
        <v>727</v>
      </c>
      <c r="C1144" s="7" t="s">
        <v>3077</v>
      </c>
      <c r="D1144" s="6" t="s">
        <v>710</v>
      </c>
      <c r="E1144" s="7" t="s">
        <v>3078</v>
      </c>
    </row>
    <row r="1145" spans="1:5" s="8" customFormat="1" ht="28.5" customHeight="1" x14ac:dyDescent="0.15">
      <c r="A1145" s="6" t="s">
        <v>3026</v>
      </c>
      <c r="B1145" s="6" t="s">
        <v>728</v>
      </c>
      <c r="C1145" s="7" t="s">
        <v>3079</v>
      </c>
      <c r="D1145" s="6" t="s">
        <v>703</v>
      </c>
      <c r="E1145" s="7" t="s">
        <v>3080</v>
      </c>
    </row>
    <row r="1146" spans="1:5" s="8" customFormat="1" ht="28.5" customHeight="1" x14ac:dyDescent="0.15">
      <c r="A1146" s="6" t="s">
        <v>3026</v>
      </c>
      <c r="B1146" s="6" t="s">
        <v>729</v>
      </c>
      <c r="C1146" s="7" t="s">
        <v>1770</v>
      </c>
      <c r="D1146" s="6" t="s">
        <v>730</v>
      </c>
      <c r="E1146" s="7" t="s">
        <v>3081</v>
      </c>
    </row>
    <row r="1147" spans="1:5" s="8" customFormat="1" ht="28.5" customHeight="1" x14ac:dyDescent="0.15">
      <c r="A1147" s="6" t="s">
        <v>3026</v>
      </c>
      <c r="B1147" s="6" t="s">
        <v>731</v>
      </c>
      <c r="C1147" s="7" t="s">
        <v>3082</v>
      </c>
      <c r="D1147" s="6" t="s">
        <v>699</v>
      </c>
      <c r="E1147" s="7" t="s">
        <v>3083</v>
      </c>
    </row>
    <row r="1148" spans="1:5" s="8" customFormat="1" ht="28.5" customHeight="1" x14ac:dyDescent="0.15">
      <c r="A1148" s="6" t="s">
        <v>3026</v>
      </c>
      <c r="B1148" s="6" t="s">
        <v>732</v>
      </c>
      <c r="C1148" s="7" t="s">
        <v>1604</v>
      </c>
      <c r="D1148" s="6" t="s">
        <v>721</v>
      </c>
      <c r="E1148" s="7" t="s">
        <v>3084</v>
      </c>
    </row>
    <row r="1149" spans="1:5" s="8" customFormat="1" ht="28.5" customHeight="1" x14ac:dyDescent="0.15">
      <c r="A1149" s="6" t="s">
        <v>3026</v>
      </c>
      <c r="B1149" s="6" t="s">
        <v>733</v>
      </c>
      <c r="C1149" s="7" t="s">
        <v>3085</v>
      </c>
      <c r="D1149" s="6" t="s">
        <v>721</v>
      </c>
      <c r="E1149" s="7" t="s">
        <v>3086</v>
      </c>
    </row>
    <row r="1150" spans="1:5" s="8" customFormat="1" ht="28.5" customHeight="1" x14ac:dyDescent="0.15">
      <c r="A1150" s="6" t="s">
        <v>3026</v>
      </c>
      <c r="B1150" s="6" t="s">
        <v>734</v>
      </c>
      <c r="C1150" s="7" t="s">
        <v>3087</v>
      </c>
      <c r="D1150" s="6" t="s">
        <v>730</v>
      </c>
      <c r="E1150" s="7" t="s">
        <v>3088</v>
      </c>
    </row>
    <row r="1151" spans="1:5" s="8" customFormat="1" ht="28.5" customHeight="1" x14ac:dyDescent="0.15">
      <c r="A1151" s="6" t="s">
        <v>3026</v>
      </c>
      <c r="B1151" s="6" t="s">
        <v>735</v>
      </c>
      <c r="C1151" s="7" t="s">
        <v>3089</v>
      </c>
      <c r="D1151" s="6" t="s">
        <v>691</v>
      </c>
      <c r="E1151" s="7" t="s">
        <v>3090</v>
      </c>
    </row>
    <row r="1152" spans="1:5" s="8" customFormat="1" ht="28.5" customHeight="1" x14ac:dyDescent="0.15">
      <c r="A1152" s="6" t="s">
        <v>3026</v>
      </c>
      <c r="B1152" s="6" t="s">
        <v>736</v>
      </c>
      <c r="C1152" s="7" t="s">
        <v>737</v>
      </c>
      <c r="D1152" s="6" t="s">
        <v>24</v>
      </c>
      <c r="E1152" s="7" t="s">
        <v>3091</v>
      </c>
    </row>
    <row r="1153" spans="1:5" s="8" customFormat="1" ht="28.5" customHeight="1" x14ac:dyDescent="0.15">
      <c r="A1153" s="6" t="s">
        <v>3026</v>
      </c>
      <c r="B1153" s="6" t="s">
        <v>738</v>
      </c>
      <c r="C1153" s="7" t="s">
        <v>3092</v>
      </c>
      <c r="D1153" s="6" t="s">
        <v>739</v>
      </c>
      <c r="E1153" s="7" t="s">
        <v>3093</v>
      </c>
    </row>
    <row r="1154" spans="1:5" s="8" customFormat="1" ht="28.5" customHeight="1" x14ac:dyDescent="0.15">
      <c r="A1154" s="6" t="s">
        <v>3026</v>
      </c>
      <c r="B1154" s="6" t="s">
        <v>740</v>
      </c>
      <c r="C1154" s="7" t="s">
        <v>3094</v>
      </c>
      <c r="D1154" s="6" t="s">
        <v>730</v>
      </c>
      <c r="E1154" s="7" t="s">
        <v>3095</v>
      </c>
    </row>
    <row r="1155" spans="1:5" s="8" customFormat="1" ht="28.5" customHeight="1" x14ac:dyDescent="0.15">
      <c r="A1155" s="6" t="s">
        <v>3026</v>
      </c>
      <c r="B1155" s="6" t="s">
        <v>741</v>
      </c>
      <c r="C1155" s="7" t="s">
        <v>3096</v>
      </c>
      <c r="D1155" s="6" t="s">
        <v>708</v>
      </c>
      <c r="E1155" s="7" t="s">
        <v>3097</v>
      </c>
    </row>
    <row r="1156" spans="1:5" s="8" customFormat="1" ht="28.5" customHeight="1" x14ac:dyDescent="0.15">
      <c r="A1156" s="6" t="s">
        <v>3026</v>
      </c>
      <c r="B1156" s="6" t="s">
        <v>742</v>
      </c>
      <c r="C1156" s="7" t="s">
        <v>3098</v>
      </c>
      <c r="D1156" s="6" t="s">
        <v>743</v>
      </c>
      <c r="E1156" s="7" t="s">
        <v>3099</v>
      </c>
    </row>
    <row r="1157" spans="1:5" s="8" customFormat="1" ht="28.5" customHeight="1" x14ac:dyDescent="0.15">
      <c r="A1157" s="6" t="s">
        <v>3026</v>
      </c>
      <c r="B1157" s="6" t="s">
        <v>744</v>
      </c>
      <c r="C1157" s="7" t="s">
        <v>3100</v>
      </c>
      <c r="D1157" s="6" t="s">
        <v>739</v>
      </c>
      <c r="E1157" s="7" t="s">
        <v>3101</v>
      </c>
    </row>
    <row r="1158" spans="1:5" s="8" customFormat="1" ht="28.5" customHeight="1" x14ac:dyDescent="0.15">
      <c r="A1158" s="6" t="s">
        <v>3026</v>
      </c>
      <c r="B1158" s="6" t="s">
        <v>745</v>
      </c>
      <c r="C1158" s="7" t="s">
        <v>3102</v>
      </c>
      <c r="D1158" s="6" t="s">
        <v>24</v>
      </c>
      <c r="E1158" s="7" t="s">
        <v>3103</v>
      </c>
    </row>
    <row r="1159" spans="1:5" s="8" customFormat="1" ht="28.5" customHeight="1" x14ac:dyDescent="0.15">
      <c r="A1159" s="6" t="s">
        <v>3026</v>
      </c>
      <c r="B1159" s="6" t="s">
        <v>746</v>
      </c>
      <c r="C1159" s="7" t="s">
        <v>3104</v>
      </c>
      <c r="D1159" s="6" t="s">
        <v>691</v>
      </c>
      <c r="E1159" s="7" t="s">
        <v>3105</v>
      </c>
    </row>
    <row r="1160" spans="1:5" s="8" customFormat="1" ht="28.5" customHeight="1" x14ac:dyDescent="0.15">
      <c r="A1160" s="6" t="s">
        <v>3026</v>
      </c>
      <c r="B1160" s="6" t="s">
        <v>747</v>
      </c>
      <c r="C1160" s="7" t="s">
        <v>3106</v>
      </c>
      <c r="D1160" s="6" t="s">
        <v>701</v>
      </c>
      <c r="E1160" s="7" t="s">
        <v>3107</v>
      </c>
    </row>
    <row r="1161" spans="1:5" s="8" customFormat="1" ht="28.5" customHeight="1" x14ac:dyDescent="0.15">
      <c r="A1161" s="6" t="s">
        <v>3026</v>
      </c>
      <c r="B1161" s="6" t="s">
        <v>748</v>
      </c>
      <c r="C1161" s="7" t="s">
        <v>3108</v>
      </c>
      <c r="D1161" s="6" t="s">
        <v>697</v>
      </c>
      <c r="E1161" s="7" t="s">
        <v>3109</v>
      </c>
    </row>
    <row r="1162" spans="1:5" s="8" customFormat="1" ht="28.5" customHeight="1" x14ac:dyDescent="0.15">
      <c r="A1162" s="6" t="s">
        <v>3026</v>
      </c>
      <c r="B1162" s="6" t="s">
        <v>749</v>
      </c>
      <c r="C1162" s="7" t="s">
        <v>3110</v>
      </c>
      <c r="D1162" s="6" t="s">
        <v>24</v>
      </c>
      <c r="E1162" s="7" t="s">
        <v>3111</v>
      </c>
    </row>
    <row r="1163" spans="1:5" s="8" customFormat="1" ht="28.5" customHeight="1" x14ac:dyDescent="0.15">
      <c r="A1163" s="6" t="s">
        <v>3026</v>
      </c>
      <c r="B1163" s="6" t="s">
        <v>750</v>
      </c>
      <c r="C1163" s="7" t="s">
        <v>3112</v>
      </c>
      <c r="D1163" s="6" t="s">
        <v>712</v>
      </c>
      <c r="E1163" s="7" t="s">
        <v>3113</v>
      </c>
    </row>
    <row r="1164" spans="1:5" s="8" customFormat="1" ht="28.5" customHeight="1" x14ac:dyDescent="0.15">
      <c r="A1164" s="6" t="s">
        <v>3026</v>
      </c>
      <c r="B1164" s="6" t="s">
        <v>751</v>
      </c>
      <c r="C1164" s="7" t="s">
        <v>1612</v>
      </c>
      <c r="D1164" s="6" t="s">
        <v>701</v>
      </c>
      <c r="E1164" s="7" t="s">
        <v>3114</v>
      </c>
    </row>
    <row r="1165" spans="1:5" s="8" customFormat="1" ht="28.5" customHeight="1" x14ac:dyDescent="0.15">
      <c r="A1165" s="6" t="s">
        <v>3026</v>
      </c>
      <c r="B1165" s="6" t="s">
        <v>752</v>
      </c>
      <c r="C1165" s="7" t="s">
        <v>3115</v>
      </c>
      <c r="D1165" s="6" t="s">
        <v>721</v>
      </c>
      <c r="E1165" s="7" t="s">
        <v>3116</v>
      </c>
    </row>
    <row r="1166" spans="1:5" s="8" customFormat="1" ht="28.5" customHeight="1" x14ac:dyDescent="0.15">
      <c r="A1166" s="6" t="s">
        <v>3026</v>
      </c>
      <c r="B1166" s="6" t="s">
        <v>753</v>
      </c>
      <c r="C1166" s="7" t="s">
        <v>3117</v>
      </c>
      <c r="D1166" s="6" t="s">
        <v>693</v>
      </c>
      <c r="E1166" s="7" t="s">
        <v>3118</v>
      </c>
    </row>
    <row r="1167" spans="1:5" s="8" customFormat="1" ht="28.5" customHeight="1" x14ac:dyDescent="0.15">
      <c r="A1167" s="6" t="s">
        <v>3119</v>
      </c>
      <c r="B1167" s="6" t="s">
        <v>3120</v>
      </c>
      <c r="C1167" s="7" t="s">
        <v>3121</v>
      </c>
      <c r="D1167" s="6" t="s">
        <v>712</v>
      </c>
      <c r="E1167" s="7" t="s">
        <v>3122</v>
      </c>
    </row>
    <row r="1168" spans="1:5" s="8" customFormat="1" ht="28.5" customHeight="1" x14ac:dyDescent="0.15">
      <c r="A1168" s="6" t="s">
        <v>3119</v>
      </c>
      <c r="B1168" s="6" t="s">
        <v>3123</v>
      </c>
      <c r="C1168" s="7" t="s">
        <v>3124</v>
      </c>
      <c r="D1168" s="6" t="s">
        <v>695</v>
      </c>
      <c r="E1168" s="7" t="s">
        <v>3125</v>
      </c>
    </row>
    <row r="1169" spans="1:5" s="8" customFormat="1" ht="28.5" customHeight="1" x14ac:dyDescent="0.15">
      <c r="A1169" s="6" t="s">
        <v>3026</v>
      </c>
      <c r="B1169" s="6" t="s">
        <v>3126</v>
      </c>
      <c r="C1169" s="7" t="s">
        <v>3127</v>
      </c>
      <c r="D1169" s="6" t="s">
        <v>697</v>
      </c>
      <c r="E1169" s="7" t="s">
        <v>3128</v>
      </c>
    </row>
    <row r="1170" spans="1:5" s="8" customFormat="1" ht="28.5" customHeight="1" x14ac:dyDescent="0.15">
      <c r="A1170" s="6" t="s">
        <v>3026</v>
      </c>
      <c r="B1170" s="6" t="s">
        <v>3129</v>
      </c>
      <c r="C1170" s="7" t="s">
        <v>3130</v>
      </c>
      <c r="D1170" s="6" t="s">
        <v>687</v>
      </c>
      <c r="E1170" s="7" t="s">
        <v>3131</v>
      </c>
    </row>
    <row r="1171" spans="1:5" s="8" customFormat="1" ht="28.5" customHeight="1" x14ac:dyDescent="0.15">
      <c r="A1171" s="6" t="s">
        <v>3026</v>
      </c>
      <c r="B1171" s="6" t="s">
        <v>3132</v>
      </c>
      <c r="C1171" s="7" t="s">
        <v>3133</v>
      </c>
      <c r="D1171" s="6" t="s">
        <v>695</v>
      </c>
      <c r="E1171" s="7" t="s">
        <v>3134</v>
      </c>
    </row>
    <row r="1172" spans="1:5" s="8" customFormat="1" ht="28.5" customHeight="1" x14ac:dyDescent="0.15">
      <c r="A1172" s="6" t="s">
        <v>3026</v>
      </c>
      <c r="B1172" s="6" t="s">
        <v>3135</v>
      </c>
      <c r="C1172" s="7" t="s">
        <v>3136</v>
      </c>
      <c r="D1172" s="6" t="s">
        <v>688</v>
      </c>
      <c r="E1172" s="7" t="s">
        <v>3137</v>
      </c>
    </row>
    <row r="1173" spans="1:5" s="8" customFormat="1" ht="28.5" customHeight="1" x14ac:dyDescent="0.15">
      <c r="A1173" s="6" t="s">
        <v>3138</v>
      </c>
      <c r="B1173" s="6">
        <v>5801544</v>
      </c>
      <c r="C1173" s="7" t="s">
        <v>3139</v>
      </c>
      <c r="D1173" s="6" t="s">
        <v>754</v>
      </c>
      <c r="E1173" s="7" t="s">
        <v>3140</v>
      </c>
    </row>
    <row r="1174" spans="1:5" s="8" customFormat="1" ht="28.5" customHeight="1" x14ac:dyDescent="0.15">
      <c r="A1174" s="6" t="s">
        <v>3138</v>
      </c>
      <c r="B1174" s="6">
        <v>5801718</v>
      </c>
      <c r="C1174" s="7" t="s">
        <v>755</v>
      </c>
      <c r="D1174" s="6" t="s">
        <v>756</v>
      </c>
      <c r="E1174" s="7" t="s">
        <v>3141</v>
      </c>
    </row>
    <row r="1175" spans="1:5" s="8" customFormat="1" ht="28.5" customHeight="1" x14ac:dyDescent="0.15">
      <c r="A1175" s="6" t="s">
        <v>3138</v>
      </c>
      <c r="B1175" s="6">
        <v>5801767</v>
      </c>
      <c r="C1175" s="7" t="s">
        <v>1561</v>
      </c>
      <c r="D1175" s="6" t="s">
        <v>25</v>
      </c>
      <c r="E1175" s="7" t="s">
        <v>3142</v>
      </c>
    </row>
    <row r="1176" spans="1:5" s="8" customFormat="1" ht="28.5" customHeight="1" x14ac:dyDescent="0.15">
      <c r="A1176" s="6" t="s">
        <v>3138</v>
      </c>
      <c r="B1176" s="6">
        <v>5801809</v>
      </c>
      <c r="C1176" s="7" t="s">
        <v>3143</v>
      </c>
      <c r="D1176" s="6" t="s">
        <v>757</v>
      </c>
      <c r="E1176" s="7" t="s">
        <v>3144</v>
      </c>
    </row>
    <row r="1177" spans="1:5" s="8" customFormat="1" ht="28.5" customHeight="1" x14ac:dyDescent="0.15">
      <c r="A1177" s="6" t="s">
        <v>3138</v>
      </c>
      <c r="B1177" s="6">
        <v>5802021</v>
      </c>
      <c r="C1177" s="7" t="s">
        <v>3145</v>
      </c>
      <c r="D1177" s="6" t="s">
        <v>758</v>
      </c>
      <c r="E1177" s="7" t="s">
        <v>3146</v>
      </c>
    </row>
    <row r="1178" spans="1:5" s="8" customFormat="1" ht="28.5" customHeight="1" x14ac:dyDescent="0.15">
      <c r="A1178" s="6" t="s">
        <v>3138</v>
      </c>
      <c r="B1178" s="6">
        <v>5802054</v>
      </c>
      <c r="C1178" s="7" t="s">
        <v>3147</v>
      </c>
      <c r="D1178" s="6" t="s">
        <v>759</v>
      </c>
      <c r="E1178" s="7" t="s">
        <v>3148</v>
      </c>
    </row>
    <row r="1179" spans="1:5" s="8" customFormat="1" ht="28.5" customHeight="1" x14ac:dyDescent="0.15">
      <c r="A1179" s="6" t="s">
        <v>3138</v>
      </c>
      <c r="B1179" s="6">
        <v>5802195</v>
      </c>
      <c r="C1179" s="7" t="s">
        <v>3149</v>
      </c>
      <c r="D1179" s="6" t="s">
        <v>760</v>
      </c>
      <c r="E1179" s="7" t="s">
        <v>3150</v>
      </c>
    </row>
    <row r="1180" spans="1:5" s="8" customFormat="1" ht="28.5" customHeight="1" x14ac:dyDescent="0.15">
      <c r="A1180" s="6" t="s">
        <v>3138</v>
      </c>
      <c r="B1180" s="6">
        <v>5802229</v>
      </c>
      <c r="C1180" s="7" t="s">
        <v>3151</v>
      </c>
      <c r="D1180" s="6" t="s">
        <v>761</v>
      </c>
      <c r="E1180" s="7" t="s">
        <v>3152</v>
      </c>
    </row>
    <row r="1181" spans="1:5" s="8" customFormat="1" ht="28.5" customHeight="1" x14ac:dyDescent="0.15">
      <c r="A1181" s="6" t="s">
        <v>3138</v>
      </c>
      <c r="B1181" s="6">
        <v>5802278</v>
      </c>
      <c r="C1181" s="7" t="s">
        <v>3153</v>
      </c>
      <c r="D1181" s="6" t="s">
        <v>762</v>
      </c>
      <c r="E1181" s="7" t="s">
        <v>3154</v>
      </c>
    </row>
    <row r="1182" spans="1:5" s="8" customFormat="1" ht="28.5" customHeight="1" x14ac:dyDescent="0.15">
      <c r="A1182" s="6" t="s">
        <v>3138</v>
      </c>
      <c r="B1182" s="6">
        <v>5802427</v>
      </c>
      <c r="C1182" s="7" t="s">
        <v>3155</v>
      </c>
      <c r="D1182" s="6" t="s">
        <v>763</v>
      </c>
      <c r="E1182" s="7" t="s">
        <v>3156</v>
      </c>
    </row>
    <row r="1183" spans="1:5" s="8" customFormat="1" ht="28.5" customHeight="1" x14ac:dyDescent="0.15">
      <c r="A1183" s="6" t="s">
        <v>3138</v>
      </c>
      <c r="B1183" s="6">
        <v>5802468</v>
      </c>
      <c r="C1183" s="7" t="s">
        <v>1786</v>
      </c>
      <c r="D1183" s="6" t="s">
        <v>764</v>
      </c>
      <c r="E1183" s="7" t="s">
        <v>3157</v>
      </c>
    </row>
    <row r="1184" spans="1:5" s="8" customFormat="1" ht="28.5" customHeight="1" x14ac:dyDescent="0.15">
      <c r="A1184" s="6" t="s">
        <v>3138</v>
      </c>
      <c r="B1184" s="6">
        <v>5802534</v>
      </c>
      <c r="C1184" s="7" t="s">
        <v>3158</v>
      </c>
      <c r="D1184" s="6" t="s">
        <v>756</v>
      </c>
      <c r="E1184" s="7" t="s">
        <v>3159</v>
      </c>
    </row>
    <row r="1185" spans="1:5" s="8" customFormat="1" ht="28.5" customHeight="1" x14ac:dyDescent="0.15">
      <c r="A1185" s="6" t="s">
        <v>3138</v>
      </c>
      <c r="B1185" s="6">
        <v>5802542</v>
      </c>
      <c r="C1185" s="7" t="s">
        <v>3160</v>
      </c>
      <c r="D1185" s="6" t="s">
        <v>765</v>
      </c>
      <c r="E1185" s="7" t="s">
        <v>3161</v>
      </c>
    </row>
    <row r="1186" spans="1:5" s="8" customFormat="1" ht="28.5" customHeight="1" x14ac:dyDescent="0.15">
      <c r="A1186" s="6" t="s">
        <v>3138</v>
      </c>
      <c r="B1186" s="6">
        <v>5802625</v>
      </c>
      <c r="C1186" s="7" t="s">
        <v>975</v>
      </c>
      <c r="D1186" s="6" t="s">
        <v>754</v>
      </c>
      <c r="E1186" s="7" t="s">
        <v>3162</v>
      </c>
    </row>
    <row r="1187" spans="1:5" s="8" customFormat="1" ht="28.5" customHeight="1" x14ac:dyDescent="0.15">
      <c r="A1187" s="6" t="s">
        <v>3138</v>
      </c>
      <c r="B1187" s="6">
        <v>5802682</v>
      </c>
      <c r="C1187" s="7" t="s">
        <v>3163</v>
      </c>
      <c r="D1187" s="6" t="s">
        <v>766</v>
      </c>
      <c r="E1187" s="7" t="s">
        <v>3164</v>
      </c>
    </row>
    <row r="1188" spans="1:5" s="8" customFormat="1" ht="28.5" customHeight="1" x14ac:dyDescent="0.15">
      <c r="A1188" s="6" t="s">
        <v>3138</v>
      </c>
      <c r="B1188" s="6">
        <v>5802732</v>
      </c>
      <c r="C1188" s="7" t="s">
        <v>3165</v>
      </c>
      <c r="D1188" s="6" t="s">
        <v>759</v>
      </c>
      <c r="E1188" s="7" t="s">
        <v>3166</v>
      </c>
    </row>
    <row r="1189" spans="1:5" s="8" customFormat="1" ht="28.5" customHeight="1" x14ac:dyDescent="0.15">
      <c r="A1189" s="6" t="s">
        <v>3138</v>
      </c>
      <c r="B1189" s="6">
        <v>5802757</v>
      </c>
      <c r="C1189" s="7" t="s">
        <v>1786</v>
      </c>
      <c r="D1189" s="6" t="s">
        <v>761</v>
      </c>
      <c r="E1189" s="7" t="s">
        <v>3167</v>
      </c>
    </row>
    <row r="1190" spans="1:5" s="8" customFormat="1" ht="28.5" customHeight="1" x14ac:dyDescent="0.15">
      <c r="A1190" s="6" t="s">
        <v>3138</v>
      </c>
      <c r="B1190" s="6">
        <v>5802807</v>
      </c>
      <c r="C1190" s="7" t="s">
        <v>3168</v>
      </c>
      <c r="D1190" s="6" t="s">
        <v>762</v>
      </c>
      <c r="E1190" s="7" t="s">
        <v>3169</v>
      </c>
    </row>
    <row r="1191" spans="1:5" s="8" customFormat="1" ht="28.5" customHeight="1" x14ac:dyDescent="0.15">
      <c r="A1191" s="6" t="s">
        <v>3138</v>
      </c>
      <c r="B1191" s="6">
        <v>5802831</v>
      </c>
      <c r="C1191" s="7" t="s">
        <v>2173</v>
      </c>
      <c r="D1191" s="6" t="s">
        <v>767</v>
      </c>
      <c r="E1191" s="7" t="s">
        <v>3170</v>
      </c>
    </row>
    <row r="1192" spans="1:5" s="8" customFormat="1" ht="28.5" customHeight="1" x14ac:dyDescent="0.15">
      <c r="A1192" s="6" t="s">
        <v>3138</v>
      </c>
      <c r="B1192" s="6">
        <v>5802856</v>
      </c>
      <c r="C1192" s="7" t="s">
        <v>3171</v>
      </c>
      <c r="D1192" s="6" t="s">
        <v>768</v>
      </c>
      <c r="E1192" s="7" t="s">
        <v>3172</v>
      </c>
    </row>
    <row r="1193" spans="1:5" s="8" customFormat="1" ht="28.5" customHeight="1" x14ac:dyDescent="0.15">
      <c r="A1193" s="6" t="s">
        <v>3138</v>
      </c>
      <c r="B1193" s="6">
        <v>5802922</v>
      </c>
      <c r="C1193" s="7" t="s">
        <v>3173</v>
      </c>
      <c r="D1193" s="6" t="s">
        <v>769</v>
      </c>
      <c r="E1193" s="7" t="s">
        <v>3174</v>
      </c>
    </row>
    <row r="1194" spans="1:5" s="8" customFormat="1" ht="28.5" customHeight="1" x14ac:dyDescent="0.15">
      <c r="A1194" s="6" t="s">
        <v>3138</v>
      </c>
      <c r="B1194" s="6">
        <v>5802963</v>
      </c>
      <c r="C1194" s="7" t="s">
        <v>2195</v>
      </c>
      <c r="D1194" s="6" t="s">
        <v>754</v>
      </c>
      <c r="E1194" s="7" t="s">
        <v>3175</v>
      </c>
    </row>
    <row r="1195" spans="1:5" s="8" customFormat="1" ht="28.5" customHeight="1" x14ac:dyDescent="0.15">
      <c r="A1195" s="6" t="s">
        <v>3138</v>
      </c>
      <c r="B1195" s="6">
        <v>5803011</v>
      </c>
      <c r="C1195" s="7" t="s">
        <v>3176</v>
      </c>
      <c r="D1195" s="6" t="s">
        <v>25</v>
      </c>
      <c r="E1195" s="7" t="s">
        <v>3177</v>
      </c>
    </row>
    <row r="1196" spans="1:5" s="8" customFormat="1" ht="28.5" customHeight="1" x14ac:dyDescent="0.15">
      <c r="A1196" s="6" t="s">
        <v>3138</v>
      </c>
      <c r="B1196" s="6">
        <v>5803086</v>
      </c>
      <c r="C1196" s="7" t="s">
        <v>770</v>
      </c>
      <c r="D1196" s="6" t="s">
        <v>771</v>
      </c>
      <c r="E1196" s="7" t="s">
        <v>3178</v>
      </c>
    </row>
    <row r="1197" spans="1:5" s="8" customFormat="1" ht="28.5" customHeight="1" x14ac:dyDescent="0.15">
      <c r="A1197" s="6" t="s">
        <v>3138</v>
      </c>
      <c r="B1197" s="6">
        <v>5803102</v>
      </c>
      <c r="C1197" s="7" t="s">
        <v>3179</v>
      </c>
      <c r="D1197" s="6" t="s">
        <v>772</v>
      </c>
      <c r="E1197" s="7" t="s">
        <v>3180</v>
      </c>
    </row>
    <row r="1198" spans="1:5" s="8" customFormat="1" ht="28.5" customHeight="1" x14ac:dyDescent="0.15">
      <c r="A1198" s="6" t="s">
        <v>3138</v>
      </c>
      <c r="B1198" s="6">
        <v>5803110</v>
      </c>
      <c r="C1198" s="7" t="s">
        <v>3181</v>
      </c>
      <c r="D1198" s="6" t="s">
        <v>773</v>
      </c>
      <c r="E1198" s="7" t="s">
        <v>3182</v>
      </c>
    </row>
    <row r="1199" spans="1:5" s="8" customFormat="1" ht="28.5" customHeight="1" x14ac:dyDescent="0.15">
      <c r="A1199" s="6" t="s">
        <v>3138</v>
      </c>
      <c r="B1199" s="6">
        <v>5803128</v>
      </c>
      <c r="C1199" s="7" t="s">
        <v>3181</v>
      </c>
      <c r="D1199" s="6" t="s">
        <v>756</v>
      </c>
      <c r="E1199" s="7" t="s">
        <v>3183</v>
      </c>
    </row>
    <row r="1200" spans="1:5" s="8" customFormat="1" ht="28.5" customHeight="1" x14ac:dyDescent="0.15">
      <c r="A1200" s="6" t="s">
        <v>3138</v>
      </c>
      <c r="B1200" s="6">
        <v>5803151</v>
      </c>
      <c r="C1200" s="7" t="s">
        <v>3184</v>
      </c>
      <c r="D1200" s="6" t="s">
        <v>25</v>
      </c>
      <c r="E1200" s="7" t="s">
        <v>3185</v>
      </c>
    </row>
    <row r="1201" spans="1:5" s="8" customFormat="1" ht="28.5" customHeight="1" x14ac:dyDescent="0.15">
      <c r="A1201" s="6" t="s">
        <v>3138</v>
      </c>
      <c r="B1201" s="6" t="s">
        <v>774</v>
      </c>
      <c r="C1201" s="7" t="s">
        <v>3186</v>
      </c>
      <c r="D1201" s="6" t="s">
        <v>775</v>
      </c>
      <c r="E1201" s="7" t="s">
        <v>3187</v>
      </c>
    </row>
    <row r="1202" spans="1:5" s="8" customFormat="1" ht="28.5" customHeight="1" x14ac:dyDescent="0.15">
      <c r="A1202" s="6" t="s">
        <v>3138</v>
      </c>
      <c r="B1202" s="6">
        <v>5803219</v>
      </c>
      <c r="C1202" s="7" t="s">
        <v>3188</v>
      </c>
      <c r="D1202" s="6" t="s">
        <v>769</v>
      </c>
      <c r="E1202" s="7" t="s">
        <v>3189</v>
      </c>
    </row>
    <row r="1203" spans="1:5" s="8" customFormat="1" ht="28.5" customHeight="1" x14ac:dyDescent="0.15">
      <c r="A1203" s="6" t="s">
        <v>3138</v>
      </c>
      <c r="B1203" s="6">
        <v>5803227</v>
      </c>
      <c r="C1203" s="7" t="s">
        <v>3190</v>
      </c>
      <c r="D1203" s="6" t="s">
        <v>25</v>
      </c>
      <c r="E1203" s="7" t="s">
        <v>3191</v>
      </c>
    </row>
    <row r="1204" spans="1:5" s="8" customFormat="1" ht="28.5" customHeight="1" x14ac:dyDescent="0.15">
      <c r="A1204" s="6" t="s">
        <v>3138</v>
      </c>
      <c r="B1204" s="6" t="s">
        <v>776</v>
      </c>
      <c r="C1204" s="7" t="s">
        <v>3192</v>
      </c>
      <c r="D1204" s="6" t="s">
        <v>777</v>
      </c>
      <c r="E1204" s="7" t="s">
        <v>3193</v>
      </c>
    </row>
    <row r="1205" spans="1:5" s="8" customFormat="1" ht="28.5" customHeight="1" x14ac:dyDescent="0.15">
      <c r="A1205" s="6" t="s">
        <v>3138</v>
      </c>
      <c r="B1205" s="6">
        <v>5803250</v>
      </c>
      <c r="C1205" s="7" t="s">
        <v>3194</v>
      </c>
      <c r="D1205" s="6" t="s">
        <v>25</v>
      </c>
      <c r="E1205" s="7" t="s">
        <v>3195</v>
      </c>
    </row>
    <row r="1206" spans="1:5" s="8" customFormat="1" ht="28.5" customHeight="1" x14ac:dyDescent="0.15">
      <c r="A1206" s="6" t="s">
        <v>3138</v>
      </c>
      <c r="B1206" s="6">
        <v>5803268</v>
      </c>
      <c r="C1206" s="7" t="s">
        <v>3196</v>
      </c>
      <c r="D1206" s="6" t="s">
        <v>25</v>
      </c>
      <c r="E1206" s="7" t="s">
        <v>3197</v>
      </c>
    </row>
    <row r="1207" spans="1:5" s="8" customFormat="1" ht="28.5" customHeight="1" x14ac:dyDescent="0.15">
      <c r="A1207" s="6" t="s">
        <v>3138</v>
      </c>
      <c r="B1207" s="6">
        <v>5803300</v>
      </c>
      <c r="C1207" s="7" t="s">
        <v>3198</v>
      </c>
      <c r="D1207" s="6" t="s">
        <v>775</v>
      </c>
      <c r="E1207" s="7" t="s">
        <v>3199</v>
      </c>
    </row>
    <row r="1208" spans="1:5" s="8" customFormat="1" ht="28.5" customHeight="1" x14ac:dyDescent="0.15">
      <c r="A1208" s="6" t="s">
        <v>3138</v>
      </c>
      <c r="B1208" s="6">
        <v>5803318</v>
      </c>
      <c r="C1208" s="7" t="s">
        <v>1012</v>
      </c>
      <c r="D1208" s="6" t="s">
        <v>778</v>
      </c>
      <c r="E1208" s="7" t="s">
        <v>3200</v>
      </c>
    </row>
    <row r="1209" spans="1:5" s="8" customFormat="1" ht="28.5" customHeight="1" x14ac:dyDescent="0.15">
      <c r="A1209" s="6" t="s">
        <v>3138</v>
      </c>
      <c r="B1209" s="6" t="s">
        <v>779</v>
      </c>
      <c r="C1209" s="7" t="s">
        <v>3201</v>
      </c>
      <c r="D1209" s="6" t="s">
        <v>757</v>
      </c>
      <c r="E1209" s="7" t="s">
        <v>3202</v>
      </c>
    </row>
    <row r="1210" spans="1:5" s="8" customFormat="1" ht="28.5" customHeight="1" x14ac:dyDescent="0.15">
      <c r="A1210" s="6" t="s">
        <v>3138</v>
      </c>
      <c r="B1210" s="6" t="s">
        <v>780</v>
      </c>
      <c r="C1210" s="7" t="s">
        <v>3203</v>
      </c>
      <c r="D1210" s="6" t="s">
        <v>781</v>
      </c>
      <c r="E1210" s="7" t="s">
        <v>3204</v>
      </c>
    </row>
    <row r="1211" spans="1:5" s="8" customFormat="1" ht="28.5" customHeight="1" x14ac:dyDescent="0.15">
      <c r="A1211" s="6" t="s">
        <v>3138</v>
      </c>
      <c r="B1211" s="6">
        <v>5803383</v>
      </c>
      <c r="C1211" s="7" t="s">
        <v>2906</v>
      </c>
      <c r="D1211" s="6" t="s">
        <v>756</v>
      </c>
      <c r="E1211" s="7" t="s">
        <v>3205</v>
      </c>
    </row>
    <row r="1212" spans="1:5" s="8" customFormat="1" ht="28.5" customHeight="1" x14ac:dyDescent="0.15">
      <c r="A1212" s="6" t="s">
        <v>3138</v>
      </c>
      <c r="B1212" s="6">
        <v>5803391</v>
      </c>
      <c r="C1212" s="7" t="s">
        <v>3206</v>
      </c>
      <c r="D1212" s="6" t="s">
        <v>771</v>
      </c>
      <c r="E1212" s="7" t="s">
        <v>3207</v>
      </c>
    </row>
    <row r="1213" spans="1:5" s="8" customFormat="1" ht="28.5" customHeight="1" x14ac:dyDescent="0.15">
      <c r="A1213" s="6" t="s">
        <v>3138</v>
      </c>
      <c r="B1213" s="6">
        <v>5803417</v>
      </c>
      <c r="C1213" s="7" t="s">
        <v>3208</v>
      </c>
      <c r="D1213" s="6" t="s">
        <v>778</v>
      </c>
      <c r="E1213" s="7" t="s">
        <v>3209</v>
      </c>
    </row>
    <row r="1214" spans="1:5" s="8" customFormat="1" ht="28.5" customHeight="1" x14ac:dyDescent="0.15">
      <c r="A1214" s="6" t="s">
        <v>3138</v>
      </c>
      <c r="B1214" s="6">
        <v>5803441</v>
      </c>
      <c r="C1214" s="7" t="s">
        <v>3210</v>
      </c>
      <c r="D1214" s="6" t="s">
        <v>781</v>
      </c>
      <c r="E1214" s="7" t="s">
        <v>3211</v>
      </c>
    </row>
    <row r="1215" spans="1:5" s="8" customFormat="1" ht="28.5" customHeight="1" x14ac:dyDescent="0.15">
      <c r="A1215" s="6" t="s">
        <v>3138</v>
      </c>
      <c r="B1215" s="6" t="s">
        <v>782</v>
      </c>
      <c r="C1215" s="7" t="s">
        <v>3212</v>
      </c>
      <c r="D1215" s="6" t="s">
        <v>778</v>
      </c>
      <c r="E1215" s="7" t="s">
        <v>3213</v>
      </c>
    </row>
    <row r="1216" spans="1:5" s="8" customFormat="1" ht="28.5" customHeight="1" x14ac:dyDescent="0.15">
      <c r="A1216" s="6" t="s">
        <v>3138</v>
      </c>
      <c r="B1216" s="6">
        <v>5803482</v>
      </c>
      <c r="C1216" s="7" t="s">
        <v>3214</v>
      </c>
      <c r="D1216" s="6" t="s">
        <v>783</v>
      </c>
      <c r="E1216" s="7" t="s">
        <v>3215</v>
      </c>
    </row>
    <row r="1217" spans="1:5" s="8" customFormat="1" ht="28.5" customHeight="1" x14ac:dyDescent="0.15">
      <c r="A1217" s="6" t="s">
        <v>3138</v>
      </c>
      <c r="B1217" s="6">
        <v>5803508</v>
      </c>
      <c r="C1217" s="7" t="s">
        <v>3216</v>
      </c>
      <c r="D1217" s="6" t="s">
        <v>754</v>
      </c>
      <c r="E1217" s="7" t="s">
        <v>3217</v>
      </c>
    </row>
    <row r="1218" spans="1:5" s="8" customFormat="1" ht="28.5" customHeight="1" x14ac:dyDescent="0.15">
      <c r="A1218" s="6" t="s">
        <v>3138</v>
      </c>
      <c r="B1218" s="6" t="s">
        <v>784</v>
      </c>
      <c r="C1218" s="7" t="s">
        <v>3218</v>
      </c>
      <c r="D1218" s="6" t="s">
        <v>772</v>
      </c>
      <c r="E1218" s="7" t="s">
        <v>3219</v>
      </c>
    </row>
    <row r="1219" spans="1:5" s="8" customFormat="1" ht="28.5" customHeight="1" x14ac:dyDescent="0.15">
      <c r="A1219" s="6" t="s">
        <v>3138</v>
      </c>
      <c r="B1219" s="6">
        <v>5803532</v>
      </c>
      <c r="C1219" s="7" t="s">
        <v>3220</v>
      </c>
      <c r="D1219" s="6" t="s">
        <v>754</v>
      </c>
      <c r="E1219" s="7" t="s">
        <v>3221</v>
      </c>
    </row>
    <row r="1220" spans="1:5" s="8" customFormat="1" ht="28.5" customHeight="1" x14ac:dyDescent="0.15">
      <c r="A1220" s="6" t="s">
        <v>3138</v>
      </c>
      <c r="B1220" s="6" t="s">
        <v>785</v>
      </c>
      <c r="C1220" s="7" t="s">
        <v>3222</v>
      </c>
      <c r="D1220" s="6" t="s">
        <v>760</v>
      </c>
      <c r="E1220" s="7" t="s">
        <v>3223</v>
      </c>
    </row>
    <row r="1221" spans="1:5" s="8" customFormat="1" ht="28.5" customHeight="1" x14ac:dyDescent="0.15">
      <c r="A1221" s="6" t="s">
        <v>3138</v>
      </c>
      <c r="B1221" s="6" t="s">
        <v>786</v>
      </c>
      <c r="C1221" s="7" t="s">
        <v>3224</v>
      </c>
      <c r="D1221" s="6" t="s">
        <v>757</v>
      </c>
      <c r="E1221" s="7" t="s">
        <v>3225</v>
      </c>
    </row>
    <row r="1222" spans="1:5" s="8" customFormat="1" ht="28.5" customHeight="1" x14ac:dyDescent="0.15">
      <c r="A1222" s="6" t="s">
        <v>3138</v>
      </c>
      <c r="B1222" s="6" t="s">
        <v>787</v>
      </c>
      <c r="C1222" s="7" t="s">
        <v>1195</v>
      </c>
      <c r="D1222" s="6" t="s">
        <v>756</v>
      </c>
      <c r="E1222" s="7" t="s">
        <v>3226</v>
      </c>
    </row>
    <row r="1223" spans="1:5" s="8" customFormat="1" ht="28.5" customHeight="1" x14ac:dyDescent="0.15">
      <c r="A1223" s="6" t="s">
        <v>3138</v>
      </c>
      <c r="B1223" s="6">
        <v>5803623</v>
      </c>
      <c r="C1223" s="7" t="s">
        <v>3227</v>
      </c>
      <c r="D1223" s="6" t="s">
        <v>788</v>
      </c>
      <c r="E1223" s="7" t="s">
        <v>3418</v>
      </c>
    </row>
    <row r="1224" spans="1:5" s="8" customFormat="1" ht="28.5" customHeight="1" x14ac:dyDescent="0.15">
      <c r="A1224" s="6" t="s">
        <v>3138</v>
      </c>
      <c r="B1224" s="6">
        <v>5803649</v>
      </c>
      <c r="C1224" s="7" t="s">
        <v>3228</v>
      </c>
      <c r="D1224" s="6" t="s">
        <v>789</v>
      </c>
      <c r="E1224" s="7" t="s">
        <v>3419</v>
      </c>
    </row>
    <row r="1225" spans="1:5" s="8" customFormat="1" ht="28.5" customHeight="1" x14ac:dyDescent="0.15">
      <c r="A1225" s="6" t="s">
        <v>3138</v>
      </c>
      <c r="B1225" s="6">
        <v>5803664</v>
      </c>
      <c r="C1225" s="7" t="s">
        <v>3229</v>
      </c>
      <c r="D1225" s="6" t="s">
        <v>766</v>
      </c>
      <c r="E1225" s="7" t="s">
        <v>3230</v>
      </c>
    </row>
    <row r="1226" spans="1:5" s="8" customFormat="1" ht="28.5" customHeight="1" x14ac:dyDescent="0.15">
      <c r="A1226" s="6" t="s">
        <v>3138</v>
      </c>
      <c r="B1226" s="6">
        <v>5803672</v>
      </c>
      <c r="C1226" s="7" t="s">
        <v>3231</v>
      </c>
      <c r="D1226" s="6" t="s">
        <v>754</v>
      </c>
      <c r="E1226" s="7" t="s">
        <v>3232</v>
      </c>
    </row>
    <row r="1227" spans="1:5" s="8" customFormat="1" ht="28.5" customHeight="1" x14ac:dyDescent="0.15">
      <c r="A1227" s="6" t="s">
        <v>3138</v>
      </c>
      <c r="B1227" s="6">
        <v>5803680</v>
      </c>
      <c r="C1227" s="7" t="s">
        <v>3233</v>
      </c>
      <c r="D1227" s="6" t="s">
        <v>761</v>
      </c>
      <c r="E1227" s="7" t="s">
        <v>3234</v>
      </c>
    </row>
    <row r="1228" spans="1:5" s="8" customFormat="1" ht="28.5" customHeight="1" x14ac:dyDescent="0.15">
      <c r="A1228" s="6" t="s">
        <v>3138</v>
      </c>
      <c r="B1228" s="6">
        <v>5803698</v>
      </c>
      <c r="C1228" s="7" t="s">
        <v>3235</v>
      </c>
      <c r="D1228" s="6" t="s">
        <v>762</v>
      </c>
      <c r="E1228" s="7" t="s">
        <v>3236</v>
      </c>
    </row>
    <row r="1229" spans="1:5" s="8" customFormat="1" ht="28.5" customHeight="1" x14ac:dyDescent="0.15">
      <c r="A1229" s="6" t="s">
        <v>3138</v>
      </c>
      <c r="B1229" s="6">
        <v>5803706</v>
      </c>
      <c r="C1229" s="7" t="s">
        <v>1167</v>
      </c>
      <c r="D1229" s="6" t="s">
        <v>781</v>
      </c>
      <c r="E1229" s="7" t="s">
        <v>3237</v>
      </c>
    </row>
    <row r="1230" spans="1:5" s="8" customFormat="1" ht="28.5" customHeight="1" x14ac:dyDescent="0.15">
      <c r="A1230" s="6" t="s">
        <v>3138</v>
      </c>
      <c r="B1230" s="6">
        <v>5803714</v>
      </c>
      <c r="C1230" s="7" t="s">
        <v>3238</v>
      </c>
      <c r="D1230" s="6" t="s">
        <v>788</v>
      </c>
      <c r="E1230" s="7" t="s">
        <v>3420</v>
      </c>
    </row>
    <row r="1231" spans="1:5" s="8" customFormat="1" ht="28.5" customHeight="1" x14ac:dyDescent="0.15">
      <c r="A1231" s="6" t="s">
        <v>3138</v>
      </c>
      <c r="B1231" s="6">
        <v>5803722</v>
      </c>
      <c r="C1231" s="7" t="s">
        <v>3239</v>
      </c>
      <c r="D1231" s="6" t="s">
        <v>778</v>
      </c>
      <c r="E1231" s="7" t="s">
        <v>3421</v>
      </c>
    </row>
    <row r="1232" spans="1:5" s="8" customFormat="1" ht="28.5" customHeight="1" x14ac:dyDescent="0.15">
      <c r="A1232" s="6" t="s">
        <v>3138</v>
      </c>
      <c r="B1232" s="6">
        <v>5803755</v>
      </c>
      <c r="C1232" s="7" t="s">
        <v>1870</v>
      </c>
      <c r="D1232" s="6" t="s">
        <v>773</v>
      </c>
      <c r="E1232" s="7" t="s">
        <v>3240</v>
      </c>
    </row>
    <row r="1233" spans="1:5" s="8" customFormat="1" ht="28.5" customHeight="1" x14ac:dyDescent="0.15">
      <c r="A1233" s="6" t="s">
        <v>3138</v>
      </c>
      <c r="B1233" s="6">
        <v>5803763</v>
      </c>
      <c r="C1233" s="7" t="s">
        <v>1786</v>
      </c>
      <c r="D1233" s="6" t="s">
        <v>25</v>
      </c>
      <c r="E1233" s="7" t="s">
        <v>3241</v>
      </c>
    </row>
    <row r="1234" spans="1:5" s="8" customFormat="1" ht="28.5" customHeight="1" x14ac:dyDescent="0.15">
      <c r="A1234" s="6" t="s">
        <v>3138</v>
      </c>
      <c r="B1234" s="6">
        <v>5803771</v>
      </c>
      <c r="C1234" s="7" t="s">
        <v>3242</v>
      </c>
      <c r="D1234" s="6" t="s">
        <v>25</v>
      </c>
      <c r="E1234" s="7" t="s">
        <v>3243</v>
      </c>
    </row>
    <row r="1235" spans="1:5" s="8" customFormat="1" ht="28.5" customHeight="1" x14ac:dyDescent="0.15">
      <c r="A1235" s="6" t="s">
        <v>3138</v>
      </c>
      <c r="B1235" s="6" t="s">
        <v>790</v>
      </c>
      <c r="C1235" s="7" t="s">
        <v>3244</v>
      </c>
      <c r="D1235" s="6" t="s">
        <v>763</v>
      </c>
      <c r="E1235" s="7" t="s">
        <v>3245</v>
      </c>
    </row>
    <row r="1236" spans="1:5" s="8" customFormat="1" ht="28.5" customHeight="1" x14ac:dyDescent="0.15">
      <c r="A1236" s="6" t="s">
        <v>3138</v>
      </c>
      <c r="B1236" s="6" t="s">
        <v>791</v>
      </c>
      <c r="C1236" s="7" t="s">
        <v>3246</v>
      </c>
      <c r="D1236" s="6" t="s">
        <v>762</v>
      </c>
      <c r="E1236" s="7" t="s">
        <v>3247</v>
      </c>
    </row>
    <row r="1237" spans="1:5" s="8" customFormat="1" ht="28.5" customHeight="1" x14ac:dyDescent="0.15">
      <c r="A1237" s="6" t="s">
        <v>3138</v>
      </c>
      <c r="B1237" s="6" t="s">
        <v>792</v>
      </c>
      <c r="C1237" s="7" t="s">
        <v>3248</v>
      </c>
      <c r="D1237" s="6" t="s">
        <v>793</v>
      </c>
      <c r="E1237" s="7" t="s">
        <v>3249</v>
      </c>
    </row>
    <row r="1238" spans="1:5" s="8" customFormat="1" ht="28.5" customHeight="1" x14ac:dyDescent="0.15">
      <c r="A1238" s="6" t="s">
        <v>3138</v>
      </c>
      <c r="B1238" s="6" t="s">
        <v>794</v>
      </c>
      <c r="C1238" s="7" t="s">
        <v>3250</v>
      </c>
      <c r="D1238" s="6" t="s">
        <v>768</v>
      </c>
      <c r="E1238" s="7" t="s">
        <v>3251</v>
      </c>
    </row>
    <row r="1239" spans="1:5" s="8" customFormat="1" ht="28.5" customHeight="1" x14ac:dyDescent="0.15">
      <c r="A1239" s="6" t="s">
        <v>3138</v>
      </c>
      <c r="B1239" s="6" t="s">
        <v>795</v>
      </c>
      <c r="C1239" s="7" t="s">
        <v>1696</v>
      </c>
      <c r="D1239" s="6" t="s">
        <v>767</v>
      </c>
      <c r="E1239" s="7" t="s">
        <v>3252</v>
      </c>
    </row>
    <row r="1240" spans="1:5" s="8" customFormat="1" ht="28.5" customHeight="1" x14ac:dyDescent="0.15">
      <c r="A1240" s="6" t="s">
        <v>3138</v>
      </c>
      <c r="B1240" s="6" t="s">
        <v>796</v>
      </c>
      <c r="C1240" s="7" t="s">
        <v>3253</v>
      </c>
      <c r="D1240" s="6" t="s">
        <v>759</v>
      </c>
      <c r="E1240" s="7" t="s">
        <v>3254</v>
      </c>
    </row>
    <row r="1241" spans="1:5" s="8" customFormat="1" ht="28.5" customHeight="1" x14ac:dyDescent="0.15">
      <c r="A1241" s="6" t="s">
        <v>3138</v>
      </c>
      <c r="B1241" s="6" t="s">
        <v>3255</v>
      </c>
      <c r="C1241" s="7" t="s">
        <v>3256</v>
      </c>
      <c r="D1241" s="6" t="s">
        <v>788</v>
      </c>
      <c r="E1241" s="7" t="s">
        <v>3257</v>
      </c>
    </row>
    <row r="1242" spans="1:5" s="8" customFormat="1" ht="28.5" customHeight="1" x14ac:dyDescent="0.15">
      <c r="A1242" s="6" t="s">
        <v>3258</v>
      </c>
      <c r="B1242" s="6" t="s">
        <v>3259</v>
      </c>
      <c r="C1242" s="7" t="s">
        <v>3260</v>
      </c>
      <c r="D1242" s="6" t="s">
        <v>768</v>
      </c>
      <c r="E1242" s="7" t="s">
        <v>3261</v>
      </c>
    </row>
    <row r="1243" spans="1:5" s="8" customFormat="1" ht="28.5" customHeight="1" x14ac:dyDescent="0.15">
      <c r="A1243" s="6" t="s">
        <v>3138</v>
      </c>
      <c r="B1243" s="6" t="s">
        <v>3262</v>
      </c>
      <c r="C1243" s="7" t="s">
        <v>3263</v>
      </c>
      <c r="D1243" s="6" t="s">
        <v>783</v>
      </c>
      <c r="E1243" s="7" t="s">
        <v>3264</v>
      </c>
    </row>
    <row r="1244" spans="1:5" s="8" customFormat="1" ht="28.5" customHeight="1" x14ac:dyDescent="0.15">
      <c r="A1244" s="6" t="s">
        <v>3138</v>
      </c>
      <c r="B1244" s="6" t="s">
        <v>3265</v>
      </c>
      <c r="C1244" s="7" t="s">
        <v>3266</v>
      </c>
      <c r="D1244" s="6" t="s">
        <v>777</v>
      </c>
      <c r="E1244" s="7" t="s">
        <v>3267</v>
      </c>
    </row>
    <row r="1245" spans="1:5" s="8" customFormat="1" ht="28.5" customHeight="1" x14ac:dyDescent="0.15">
      <c r="A1245" s="6" t="s">
        <v>3138</v>
      </c>
      <c r="B1245" s="6" t="s">
        <v>3268</v>
      </c>
      <c r="C1245" s="7" t="s">
        <v>3269</v>
      </c>
      <c r="D1245" s="6" t="s">
        <v>754</v>
      </c>
      <c r="E1245" s="7" t="s">
        <v>3270</v>
      </c>
    </row>
    <row r="1246" spans="1:5" s="8" customFormat="1" ht="28.5" customHeight="1" x14ac:dyDescent="0.15">
      <c r="A1246" s="6" t="s">
        <v>3138</v>
      </c>
      <c r="B1246" s="6" t="s">
        <v>3271</v>
      </c>
      <c r="C1246" s="7" t="s">
        <v>3272</v>
      </c>
      <c r="D1246" s="6" t="s">
        <v>25</v>
      </c>
      <c r="E1246" s="7" t="s">
        <v>3273</v>
      </c>
    </row>
    <row r="1247" spans="1:5" s="8" customFormat="1" ht="28.5" customHeight="1" x14ac:dyDescent="0.15">
      <c r="A1247" s="6" t="s">
        <v>3274</v>
      </c>
      <c r="B1247" s="6">
        <v>3300556</v>
      </c>
      <c r="C1247" s="7" t="s">
        <v>3275</v>
      </c>
      <c r="D1247" s="6" t="s">
        <v>797</v>
      </c>
      <c r="E1247" s="7" t="s">
        <v>3276</v>
      </c>
    </row>
    <row r="1248" spans="1:5" s="8" customFormat="1" ht="28.5" customHeight="1" x14ac:dyDescent="0.15">
      <c r="A1248" s="6" t="s">
        <v>3274</v>
      </c>
      <c r="B1248" s="6">
        <v>3300580</v>
      </c>
      <c r="C1248" s="7" t="s">
        <v>3277</v>
      </c>
      <c r="D1248" s="6" t="s">
        <v>797</v>
      </c>
      <c r="E1248" s="7" t="s">
        <v>3278</v>
      </c>
    </row>
    <row r="1249" spans="1:5" s="8" customFormat="1" ht="28.5" customHeight="1" x14ac:dyDescent="0.15">
      <c r="A1249" s="6" t="s">
        <v>3274</v>
      </c>
      <c r="B1249" s="6">
        <v>3300788</v>
      </c>
      <c r="C1249" s="7" t="s">
        <v>3279</v>
      </c>
      <c r="D1249" s="6" t="s">
        <v>798</v>
      </c>
      <c r="E1249" s="7" t="s">
        <v>3280</v>
      </c>
    </row>
    <row r="1250" spans="1:5" s="8" customFormat="1" ht="28.5" customHeight="1" x14ac:dyDescent="0.15">
      <c r="A1250" s="6" t="s">
        <v>3274</v>
      </c>
      <c r="B1250" s="6" t="s">
        <v>799</v>
      </c>
      <c r="C1250" s="7" t="s">
        <v>3281</v>
      </c>
      <c r="D1250" s="6" t="s">
        <v>800</v>
      </c>
      <c r="E1250" s="7" t="s">
        <v>3282</v>
      </c>
    </row>
    <row r="1251" spans="1:5" s="8" customFormat="1" ht="28.5" customHeight="1" x14ac:dyDescent="0.15">
      <c r="A1251" s="6" t="s">
        <v>3274</v>
      </c>
      <c r="B1251" s="6">
        <v>3301042</v>
      </c>
      <c r="C1251" s="7" t="s">
        <v>3283</v>
      </c>
      <c r="D1251" s="6" t="s">
        <v>797</v>
      </c>
      <c r="E1251" s="7" t="s">
        <v>3284</v>
      </c>
    </row>
    <row r="1252" spans="1:5" s="8" customFormat="1" ht="28.5" customHeight="1" x14ac:dyDescent="0.15">
      <c r="A1252" s="6" t="s">
        <v>3274</v>
      </c>
      <c r="B1252" s="6">
        <v>3301182</v>
      </c>
      <c r="C1252" s="7" t="s">
        <v>3285</v>
      </c>
      <c r="D1252" s="6" t="s">
        <v>801</v>
      </c>
      <c r="E1252" s="7" t="s">
        <v>3286</v>
      </c>
    </row>
    <row r="1253" spans="1:5" s="8" customFormat="1" ht="28.5" customHeight="1" x14ac:dyDescent="0.15">
      <c r="A1253" s="6" t="s">
        <v>3274</v>
      </c>
      <c r="B1253" s="6">
        <v>3301315</v>
      </c>
      <c r="C1253" s="7" t="s">
        <v>3287</v>
      </c>
      <c r="D1253" s="6" t="s">
        <v>26</v>
      </c>
      <c r="E1253" s="7" t="s">
        <v>3288</v>
      </c>
    </row>
    <row r="1254" spans="1:5" s="8" customFormat="1" ht="28.5" customHeight="1" x14ac:dyDescent="0.15">
      <c r="A1254" s="6" t="s">
        <v>3274</v>
      </c>
      <c r="B1254" s="6">
        <v>3301349</v>
      </c>
      <c r="C1254" s="7" t="s">
        <v>3289</v>
      </c>
      <c r="D1254" s="6" t="s">
        <v>803</v>
      </c>
      <c r="E1254" s="7" t="s">
        <v>3290</v>
      </c>
    </row>
    <row r="1255" spans="1:5" s="8" customFormat="1" ht="28.5" customHeight="1" x14ac:dyDescent="0.15">
      <c r="A1255" s="6" t="s">
        <v>3274</v>
      </c>
      <c r="B1255" s="6">
        <v>3301489</v>
      </c>
      <c r="C1255" s="7" t="s">
        <v>3291</v>
      </c>
      <c r="D1255" s="6" t="s">
        <v>804</v>
      </c>
      <c r="E1255" s="7" t="s">
        <v>3292</v>
      </c>
    </row>
    <row r="1256" spans="1:5" s="8" customFormat="1" ht="28.5" customHeight="1" x14ac:dyDescent="0.15">
      <c r="A1256" s="6" t="s">
        <v>3274</v>
      </c>
      <c r="B1256" s="6">
        <v>3301505</v>
      </c>
      <c r="C1256" s="7" t="s">
        <v>3293</v>
      </c>
      <c r="D1256" s="6" t="s">
        <v>797</v>
      </c>
      <c r="E1256" s="7" t="s">
        <v>3294</v>
      </c>
    </row>
    <row r="1257" spans="1:5" s="8" customFormat="1" ht="28.5" customHeight="1" x14ac:dyDescent="0.15">
      <c r="A1257" s="6" t="s">
        <v>3274</v>
      </c>
      <c r="B1257" s="6">
        <v>3301547</v>
      </c>
      <c r="C1257" s="7" t="s">
        <v>3295</v>
      </c>
      <c r="D1257" s="6" t="s">
        <v>27</v>
      </c>
      <c r="E1257" s="7" t="s">
        <v>3296</v>
      </c>
    </row>
    <row r="1258" spans="1:5" s="8" customFormat="1" ht="28.5" customHeight="1" x14ac:dyDescent="0.15">
      <c r="A1258" s="6" t="s">
        <v>3274</v>
      </c>
      <c r="B1258" s="6">
        <v>3301620</v>
      </c>
      <c r="C1258" s="7" t="s">
        <v>2897</v>
      </c>
      <c r="D1258" s="6" t="s">
        <v>805</v>
      </c>
      <c r="E1258" s="7" t="s">
        <v>3297</v>
      </c>
    </row>
    <row r="1259" spans="1:5" s="8" customFormat="1" ht="28.5" customHeight="1" x14ac:dyDescent="0.15">
      <c r="A1259" s="6" t="s">
        <v>3274</v>
      </c>
      <c r="B1259" s="6">
        <v>3301638</v>
      </c>
      <c r="C1259" s="7" t="s">
        <v>3298</v>
      </c>
      <c r="D1259" s="6" t="s">
        <v>806</v>
      </c>
      <c r="E1259" s="7" t="s">
        <v>3299</v>
      </c>
    </row>
    <row r="1260" spans="1:5" s="8" customFormat="1" ht="28.5" customHeight="1" x14ac:dyDescent="0.15">
      <c r="A1260" s="6" t="s">
        <v>3274</v>
      </c>
      <c r="B1260" s="6">
        <v>3301752</v>
      </c>
      <c r="C1260" s="7" t="s">
        <v>3300</v>
      </c>
      <c r="D1260" s="6" t="s">
        <v>807</v>
      </c>
      <c r="E1260" s="7" t="s">
        <v>3301</v>
      </c>
    </row>
    <row r="1261" spans="1:5" s="8" customFormat="1" ht="28.5" customHeight="1" x14ac:dyDescent="0.15">
      <c r="A1261" s="6" t="s">
        <v>3274</v>
      </c>
      <c r="B1261" s="6">
        <v>3301802</v>
      </c>
      <c r="C1261" s="7" t="s">
        <v>1419</v>
      </c>
      <c r="D1261" s="6" t="s">
        <v>805</v>
      </c>
      <c r="E1261" s="7" t="s">
        <v>3302</v>
      </c>
    </row>
    <row r="1262" spans="1:5" s="8" customFormat="1" ht="28.5" customHeight="1" x14ac:dyDescent="0.15">
      <c r="A1262" s="6" t="s">
        <v>3274</v>
      </c>
      <c r="B1262" s="6">
        <v>3301810</v>
      </c>
      <c r="C1262" s="7" t="s">
        <v>3303</v>
      </c>
      <c r="D1262" s="6" t="s">
        <v>27</v>
      </c>
      <c r="E1262" s="7" t="s">
        <v>3304</v>
      </c>
    </row>
    <row r="1263" spans="1:5" s="8" customFormat="1" ht="28.5" customHeight="1" x14ac:dyDescent="0.15">
      <c r="A1263" s="6" t="s">
        <v>3274</v>
      </c>
      <c r="B1263" s="6" t="s">
        <v>808</v>
      </c>
      <c r="C1263" s="7" t="s">
        <v>3305</v>
      </c>
      <c r="D1263" s="6" t="s">
        <v>26</v>
      </c>
      <c r="E1263" s="7" t="s">
        <v>3306</v>
      </c>
    </row>
    <row r="1264" spans="1:5" s="8" customFormat="1" ht="28.5" customHeight="1" x14ac:dyDescent="0.15">
      <c r="A1264" s="6" t="s">
        <v>3274</v>
      </c>
      <c r="B1264" s="6">
        <v>3301885</v>
      </c>
      <c r="C1264" s="7" t="s">
        <v>1543</v>
      </c>
      <c r="D1264" s="6" t="s">
        <v>809</v>
      </c>
      <c r="E1264" s="7" t="s">
        <v>3307</v>
      </c>
    </row>
    <row r="1265" spans="1:5" s="8" customFormat="1" ht="28.5" customHeight="1" x14ac:dyDescent="0.15">
      <c r="A1265" s="6" t="s">
        <v>3274</v>
      </c>
      <c r="B1265" s="6" t="s">
        <v>810</v>
      </c>
      <c r="C1265" s="7" t="s">
        <v>3308</v>
      </c>
      <c r="D1265" s="6" t="s">
        <v>811</v>
      </c>
      <c r="E1265" s="7" t="s">
        <v>812</v>
      </c>
    </row>
    <row r="1266" spans="1:5" s="8" customFormat="1" ht="28.5" customHeight="1" x14ac:dyDescent="0.15">
      <c r="A1266" s="6" t="s">
        <v>3274</v>
      </c>
      <c r="B1266" s="6">
        <v>3301943</v>
      </c>
      <c r="C1266" s="7" t="s">
        <v>3309</v>
      </c>
      <c r="D1266" s="6" t="s">
        <v>813</v>
      </c>
      <c r="E1266" s="7" t="s">
        <v>3310</v>
      </c>
    </row>
    <row r="1267" spans="1:5" s="8" customFormat="1" ht="28.5" customHeight="1" x14ac:dyDescent="0.15">
      <c r="A1267" s="6" t="s">
        <v>3274</v>
      </c>
      <c r="B1267" s="6">
        <v>3301968</v>
      </c>
      <c r="C1267" s="7" t="s">
        <v>3311</v>
      </c>
      <c r="D1267" s="6" t="s">
        <v>814</v>
      </c>
      <c r="E1267" s="7" t="s">
        <v>3312</v>
      </c>
    </row>
    <row r="1268" spans="1:5" s="8" customFormat="1" ht="28.5" customHeight="1" x14ac:dyDescent="0.15">
      <c r="A1268" s="6" t="s">
        <v>3274</v>
      </c>
      <c r="B1268" s="6">
        <v>3301984</v>
      </c>
      <c r="C1268" s="7" t="s">
        <v>1641</v>
      </c>
      <c r="D1268" s="6" t="s">
        <v>804</v>
      </c>
      <c r="E1268" s="7" t="s">
        <v>3313</v>
      </c>
    </row>
    <row r="1269" spans="1:5" s="8" customFormat="1" ht="28.5" customHeight="1" x14ac:dyDescent="0.15">
      <c r="A1269" s="6" t="s">
        <v>3274</v>
      </c>
      <c r="B1269" s="6">
        <v>3301992</v>
      </c>
      <c r="C1269" s="7" t="s">
        <v>3314</v>
      </c>
      <c r="D1269" s="6" t="s">
        <v>805</v>
      </c>
      <c r="E1269" s="7" t="s">
        <v>3315</v>
      </c>
    </row>
    <row r="1270" spans="1:5" s="8" customFormat="1" ht="28.5" customHeight="1" x14ac:dyDescent="0.15">
      <c r="A1270" s="6" t="s">
        <v>3274</v>
      </c>
      <c r="B1270" s="6" t="s">
        <v>815</v>
      </c>
      <c r="C1270" s="7" t="s">
        <v>3316</v>
      </c>
      <c r="D1270" s="6" t="s">
        <v>804</v>
      </c>
      <c r="E1270" s="7" t="s">
        <v>3317</v>
      </c>
    </row>
    <row r="1271" spans="1:5" s="8" customFormat="1" ht="28.5" customHeight="1" x14ac:dyDescent="0.15">
      <c r="A1271" s="6" t="s">
        <v>3274</v>
      </c>
      <c r="B1271" s="6">
        <v>3302172</v>
      </c>
      <c r="C1271" s="7" t="s">
        <v>3318</v>
      </c>
      <c r="D1271" s="6" t="s">
        <v>816</v>
      </c>
      <c r="E1271" s="7" t="s">
        <v>3319</v>
      </c>
    </row>
    <row r="1272" spans="1:5" s="8" customFormat="1" ht="28.5" customHeight="1" x14ac:dyDescent="0.15">
      <c r="A1272" s="6" t="s">
        <v>3274</v>
      </c>
      <c r="B1272" s="6">
        <v>3302198</v>
      </c>
      <c r="C1272" s="7" t="s">
        <v>3320</v>
      </c>
      <c r="D1272" s="6" t="s">
        <v>814</v>
      </c>
      <c r="E1272" s="7" t="s">
        <v>3321</v>
      </c>
    </row>
    <row r="1273" spans="1:5" s="8" customFormat="1" ht="28.5" customHeight="1" x14ac:dyDescent="0.15">
      <c r="A1273" s="6" t="s">
        <v>3274</v>
      </c>
      <c r="B1273" s="6">
        <v>3302206</v>
      </c>
      <c r="C1273" s="7" t="s">
        <v>817</v>
      </c>
      <c r="D1273" s="6" t="s">
        <v>803</v>
      </c>
      <c r="E1273" s="7" t="s">
        <v>3322</v>
      </c>
    </row>
    <row r="1274" spans="1:5" s="8" customFormat="1" ht="28.5" customHeight="1" x14ac:dyDescent="0.15">
      <c r="A1274" s="6" t="s">
        <v>3274</v>
      </c>
      <c r="B1274" s="6">
        <v>3302222</v>
      </c>
      <c r="C1274" s="7" t="s">
        <v>2454</v>
      </c>
      <c r="D1274" s="6" t="s">
        <v>805</v>
      </c>
      <c r="E1274" s="7" t="s">
        <v>3323</v>
      </c>
    </row>
    <row r="1275" spans="1:5" s="8" customFormat="1" ht="28.5" customHeight="1" x14ac:dyDescent="0.15">
      <c r="A1275" s="6" t="s">
        <v>3274</v>
      </c>
      <c r="B1275" s="6">
        <v>3302230</v>
      </c>
      <c r="C1275" s="7" t="s">
        <v>3324</v>
      </c>
      <c r="D1275" s="6" t="s">
        <v>809</v>
      </c>
      <c r="E1275" s="7" t="s">
        <v>3325</v>
      </c>
    </row>
    <row r="1276" spans="1:5" s="8" customFormat="1" ht="28.5" customHeight="1" x14ac:dyDescent="0.15">
      <c r="A1276" s="6" t="s">
        <v>3274</v>
      </c>
      <c r="B1276" s="6">
        <v>3302248</v>
      </c>
      <c r="C1276" s="7" t="s">
        <v>3326</v>
      </c>
      <c r="D1276" s="6" t="s">
        <v>806</v>
      </c>
      <c r="E1276" s="7" t="s">
        <v>3327</v>
      </c>
    </row>
    <row r="1277" spans="1:5" s="8" customFormat="1" ht="28.5" customHeight="1" x14ac:dyDescent="0.15">
      <c r="A1277" s="6" t="s">
        <v>3274</v>
      </c>
      <c r="B1277" s="6">
        <v>3302263</v>
      </c>
      <c r="C1277" s="7" t="s">
        <v>3328</v>
      </c>
      <c r="D1277" s="6" t="s">
        <v>806</v>
      </c>
      <c r="E1277" s="7" t="s">
        <v>3329</v>
      </c>
    </row>
    <row r="1278" spans="1:5" s="8" customFormat="1" ht="28.5" customHeight="1" x14ac:dyDescent="0.15">
      <c r="A1278" s="6" t="s">
        <v>3274</v>
      </c>
      <c r="B1278" s="6">
        <v>3302271</v>
      </c>
      <c r="C1278" s="7" t="s">
        <v>3330</v>
      </c>
      <c r="D1278" s="6" t="s">
        <v>818</v>
      </c>
      <c r="E1278" s="7" t="s">
        <v>3331</v>
      </c>
    </row>
    <row r="1279" spans="1:5" s="8" customFormat="1" ht="28.5" customHeight="1" x14ac:dyDescent="0.15">
      <c r="A1279" s="6" t="s">
        <v>3274</v>
      </c>
      <c r="B1279" s="6">
        <v>3302289</v>
      </c>
      <c r="C1279" s="7" t="s">
        <v>3332</v>
      </c>
      <c r="D1279" s="6" t="s">
        <v>814</v>
      </c>
      <c r="E1279" s="7" t="s">
        <v>3333</v>
      </c>
    </row>
    <row r="1280" spans="1:5" s="8" customFormat="1" ht="28.5" customHeight="1" x14ac:dyDescent="0.15">
      <c r="A1280" s="6" t="s">
        <v>3274</v>
      </c>
      <c r="B1280" s="6">
        <v>3302339</v>
      </c>
      <c r="C1280" s="7" t="s">
        <v>3334</v>
      </c>
      <c r="D1280" s="6" t="s">
        <v>816</v>
      </c>
      <c r="E1280" s="7" t="s">
        <v>3335</v>
      </c>
    </row>
    <row r="1281" spans="1:5" s="8" customFormat="1" ht="28.5" customHeight="1" x14ac:dyDescent="0.15">
      <c r="A1281" s="6" t="s">
        <v>3274</v>
      </c>
      <c r="B1281" s="6">
        <v>3302354</v>
      </c>
      <c r="C1281" s="7" t="s">
        <v>2398</v>
      </c>
      <c r="D1281" s="6" t="s">
        <v>811</v>
      </c>
      <c r="E1281" s="7" t="s">
        <v>3336</v>
      </c>
    </row>
    <row r="1282" spans="1:5" s="8" customFormat="1" ht="28.5" customHeight="1" x14ac:dyDescent="0.15">
      <c r="A1282" s="6" t="s">
        <v>3274</v>
      </c>
      <c r="B1282" s="6">
        <v>3302362</v>
      </c>
      <c r="C1282" s="7" t="s">
        <v>2046</v>
      </c>
      <c r="D1282" s="6" t="s">
        <v>819</v>
      </c>
      <c r="E1282" s="7" t="s">
        <v>3337</v>
      </c>
    </row>
    <row r="1283" spans="1:5" s="8" customFormat="1" ht="28.5" customHeight="1" x14ac:dyDescent="0.15">
      <c r="A1283" s="6" t="s">
        <v>3274</v>
      </c>
      <c r="B1283" s="6">
        <v>3302388</v>
      </c>
      <c r="C1283" s="7" t="s">
        <v>3338</v>
      </c>
      <c r="D1283" s="6" t="s">
        <v>818</v>
      </c>
      <c r="E1283" s="7" t="s">
        <v>3339</v>
      </c>
    </row>
    <row r="1284" spans="1:5" s="8" customFormat="1" ht="28.5" customHeight="1" x14ac:dyDescent="0.15">
      <c r="A1284" s="6" t="s">
        <v>3274</v>
      </c>
      <c r="B1284" s="6">
        <v>3302420</v>
      </c>
      <c r="C1284" s="7" t="s">
        <v>3340</v>
      </c>
      <c r="D1284" s="6" t="s">
        <v>820</v>
      </c>
      <c r="E1284" s="7" t="s">
        <v>3341</v>
      </c>
    </row>
    <row r="1285" spans="1:5" s="8" customFormat="1" ht="28.5" customHeight="1" x14ac:dyDescent="0.15">
      <c r="A1285" s="6" t="s">
        <v>3274</v>
      </c>
      <c r="B1285" s="6">
        <v>3302438</v>
      </c>
      <c r="C1285" s="7" t="s">
        <v>3342</v>
      </c>
      <c r="D1285" s="6" t="s">
        <v>819</v>
      </c>
      <c r="E1285" s="7" t="s">
        <v>3343</v>
      </c>
    </row>
    <row r="1286" spans="1:5" s="8" customFormat="1" ht="28.5" customHeight="1" x14ac:dyDescent="0.15">
      <c r="A1286" s="6" t="s">
        <v>3274</v>
      </c>
      <c r="B1286" s="6">
        <v>3302453</v>
      </c>
      <c r="C1286" s="7" t="s">
        <v>3344</v>
      </c>
      <c r="D1286" s="6" t="s">
        <v>802</v>
      </c>
      <c r="E1286" s="7" t="s">
        <v>3345</v>
      </c>
    </row>
    <row r="1287" spans="1:5" s="8" customFormat="1" ht="28.5" customHeight="1" x14ac:dyDescent="0.15">
      <c r="A1287" s="6" t="s">
        <v>3274</v>
      </c>
      <c r="B1287" s="6">
        <v>3302461</v>
      </c>
      <c r="C1287" s="7" t="s">
        <v>3346</v>
      </c>
      <c r="D1287" s="6" t="s">
        <v>814</v>
      </c>
      <c r="E1287" s="7" t="s">
        <v>3347</v>
      </c>
    </row>
    <row r="1288" spans="1:5" s="8" customFormat="1" ht="28.5" customHeight="1" x14ac:dyDescent="0.15">
      <c r="A1288" s="6" t="s">
        <v>3274</v>
      </c>
      <c r="B1288" s="6" t="s">
        <v>3348</v>
      </c>
      <c r="C1288" s="7" t="s">
        <v>3349</v>
      </c>
      <c r="D1288" s="6" t="s">
        <v>801</v>
      </c>
      <c r="E1288" s="7" t="s">
        <v>3350</v>
      </c>
    </row>
    <row r="1289" spans="1:5" s="8" customFormat="1" ht="28.5" customHeight="1" x14ac:dyDescent="0.15">
      <c r="A1289" s="6" t="s">
        <v>3274</v>
      </c>
      <c r="B1289" s="6">
        <v>3302511</v>
      </c>
      <c r="C1289" s="7" t="s">
        <v>3351</v>
      </c>
      <c r="D1289" s="6" t="s">
        <v>811</v>
      </c>
      <c r="E1289" s="7" t="s">
        <v>3352</v>
      </c>
    </row>
    <row r="1290" spans="1:5" s="8" customFormat="1" ht="28.5" customHeight="1" x14ac:dyDescent="0.15">
      <c r="A1290" s="6" t="s">
        <v>3274</v>
      </c>
      <c r="B1290" s="6">
        <v>3302537</v>
      </c>
      <c r="C1290" s="7" t="s">
        <v>1658</v>
      </c>
      <c r="D1290" s="6" t="s">
        <v>797</v>
      </c>
      <c r="E1290" s="7" t="s">
        <v>3353</v>
      </c>
    </row>
    <row r="1291" spans="1:5" s="8" customFormat="1" ht="28.5" customHeight="1" x14ac:dyDescent="0.15">
      <c r="A1291" s="6" t="s">
        <v>3274</v>
      </c>
      <c r="B1291" s="6">
        <v>3302545</v>
      </c>
      <c r="C1291" s="7" t="s">
        <v>3354</v>
      </c>
      <c r="D1291" s="6" t="s">
        <v>809</v>
      </c>
      <c r="E1291" s="7" t="s">
        <v>3355</v>
      </c>
    </row>
    <row r="1292" spans="1:5" s="8" customFormat="1" ht="28.5" customHeight="1" x14ac:dyDescent="0.15">
      <c r="A1292" s="6" t="s">
        <v>3274</v>
      </c>
      <c r="B1292" s="6">
        <v>3302560</v>
      </c>
      <c r="C1292" s="7" t="s">
        <v>3356</v>
      </c>
      <c r="D1292" s="6" t="s">
        <v>805</v>
      </c>
      <c r="E1292" s="7" t="s">
        <v>3357</v>
      </c>
    </row>
    <row r="1293" spans="1:5" s="8" customFormat="1" ht="28.5" customHeight="1" x14ac:dyDescent="0.15">
      <c r="A1293" s="6" t="s">
        <v>3274</v>
      </c>
      <c r="B1293" s="6">
        <v>3302586</v>
      </c>
      <c r="C1293" s="7" t="s">
        <v>3358</v>
      </c>
      <c r="D1293" s="6" t="s">
        <v>26</v>
      </c>
      <c r="E1293" s="7" t="s">
        <v>3359</v>
      </c>
    </row>
    <row r="1294" spans="1:5" s="8" customFormat="1" ht="28.5" customHeight="1" x14ac:dyDescent="0.15">
      <c r="A1294" s="6" t="s">
        <v>3274</v>
      </c>
      <c r="B1294" s="6">
        <v>3302636</v>
      </c>
      <c r="C1294" s="7" t="s">
        <v>3360</v>
      </c>
      <c r="D1294" s="6" t="s">
        <v>26</v>
      </c>
      <c r="E1294" s="7" t="s">
        <v>3361</v>
      </c>
    </row>
    <row r="1295" spans="1:5" s="8" customFormat="1" ht="28.5" customHeight="1" x14ac:dyDescent="0.15">
      <c r="A1295" s="6" t="s">
        <v>3274</v>
      </c>
      <c r="B1295" s="6" t="s">
        <v>821</v>
      </c>
      <c r="C1295" s="7" t="s">
        <v>3362</v>
      </c>
      <c r="D1295" s="6" t="s">
        <v>806</v>
      </c>
      <c r="E1295" s="7" t="s">
        <v>3363</v>
      </c>
    </row>
    <row r="1296" spans="1:5" s="8" customFormat="1" ht="28.5" customHeight="1" x14ac:dyDescent="0.15">
      <c r="A1296" s="6" t="s">
        <v>3274</v>
      </c>
      <c r="B1296" s="6" t="s">
        <v>822</v>
      </c>
      <c r="C1296" s="7" t="s">
        <v>3364</v>
      </c>
      <c r="D1296" s="6" t="s">
        <v>819</v>
      </c>
      <c r="E1296" s="7" t="s">
        <v>3365</v>
      </c>
    </row>
    <row r="1297" spans="1:5" s="8" customFormat="1" ht="28.5" customHeight="1" x14ac:dyDescent="0.15">
      <c r="A1297" s="6" t="s">
        <v>3274</v>
      </c>
      <c r="B1297" s="6">
        <v>3302719</v>
      </c>
      <c r="C1297" s="7" t="s">
        <v>3366</v>
      </c>
      <c r="D1297" s="6" t="s">
        <v>813</v>
      </c>
      <c r="E1297" s="7" t="s">
        <v>3367</v>
      </c>
    </row>
    <row r="1298" spans="1:5" s="8" customFormat="1" ht="28.5" customHeight="1" x14ac:dyDescent="0.15">
      <c r="A1298" s="6" t="s">
        <v>3274</v>
      </c>
      <c r="B1298" s="6" t="s">
        <v>823</v>
      </c>
      <c r="C1298" s="7" t="s">
        <v>3368</v>
      </c>
      <c r="D1298" s="6" t="s">
        <v>824</v>
      </c>
      <c r="E1298" s="7" t="s">
        <v>3369</v>
      </c>
    </row>
    <row r="1299" spans="1:5" s="8" customFormat="1" ht="28.5" customHeight="1" x14ac:dyDescent="0.15">
      <c r="A1299" s="6" t="s">
        <v>3274</v>
      </c>
      <c r="B1299" s="6">
        <v>3302735</v>
      </c>
      <c r="C1299" s="7" t="s">
        <v>1772</v>
      </c>
      <c r="D1299" s="6" t="s">
        <v>816</v>
      </c>
      <c r="E1299" s="7" t="s">
        <v>3370</v>
      </c>
    </row>
    <row r="1300" spans="1:5" s="8" customFormat="1" ht="28.5" customHeight="1" x14ac:dyDescent="0.15">
      <c r="A1300" s="6" t="s">
        <v>3274</v>
      </c>
      <c r="B1300" s="6">
        <v>3302750</v>
      </c>
      <c r="C1300" s="7" t="s">
        <v>3371</v>
      </c>
      <c r="D1300" s="6" t="s">
        <v>26</v>
      </c>
      <c r="E1300" s="7" t="s">
        <v>3372</v>
      </c>
    </row>
    <row r="1301" spans="1:5" s="8" customFormat="1" ht="28.5" customHeight="1" x14ac:dyDescent="0.15">
      <c r="A1301" s="6" t="s">
        <v>3274</v>
      </c>
      <c r="B1301" s="6">
        <v>3302776</v>
      </c>
      <c r="C1301" s="7" t="s">
        <v>3373</v>
      </c>
      <c r="D1301" s="6" t="s">
        <v>797</v>
      </c>
      <c r="E1301" s="7" t="s">
        <v>3374</v>
      </c>
    </row>
    <row r="1302" spans="1:5" s="8" customFormat="1" ht="28.5" customHeight="1" x14ac:dyDescent="0.15">
      <c r="A1302" s="6" t="s">
        <v>3274</v>
      </c>
      <c r="B1302" s="6">
        <v>3302800</v>
      </c>
      <c r="C1302" s="7" t="s">
        <v>3375</v>
      </c>
      <c r="D1302" s="6" t="s">
        <v>797</v>
      </c>
      <c r="E1302" s="7" t="s">
        <v>3376</v>
      </c>
    </row>
    <row r="1303" spans="1:5" s="8" customFormat="1" ht="28.5" customHeight="1" x14ac:dyDescent="0.15">
      <c r="A1303" s="6" t="s">
        <v>3274</v>
      </c>
      <c r="B1303" s="6">
        <v>3302826</v>
      </c>
      <c r="C1303" s="7" t="s">
        <v>2997</v>
      </c>
      <c r="D1303" s="6" t="s">
        <v>797</v>
      </c>
      <c r="E1303" s="7" t="s">
        <v>3377</v>
      </c>
    </row>
    <row r="1304" spans="1:5" s="8" customFormat="1" ht="28.5" customHeight="1" x14ac:dyDescent="0.15">
      <c r="A1304" s="6" t="s">
        <v>3274</v>
      </c>
      <c r="B1304" s="6" t="s">
        <v>825</v>
      </c>
      <c r="C1304" s="7" t="s">
        <v>3378</v>
      </c>
      <c r="D1304" s="6" t="s">
        <v>814</v>
      </c>
      <c r="E1304" s="7" t="s">
        <v>3379</v>
      </c>
    </row>
    <row r="1305" spans="1:5" s="8" customFormat="1" ht="28.5" customHeight="1" x14ac:dyDescent="0.15">
      <c r="A1305" s="6" t="s">
        <v>3274</v>
      </c>
      <c r="B1305" s="6" t="s">
        <v>826</v>
      </c>
      <c r="C1305" s="7" t="s">
        <v>3206</v>
      </c>
      <c r="D1305" s="6" t="s">
        <v>827</v>
      </c>
      <c r="E1305" s="7" t="s">
        <v>3380</v>
      </c>
    </row>
    <row r="1306" spans="1:5" s="8" customFormat="1" ht="28.5" customHeight="1" x14ac:dyDescent="0.15">
      <c r="A1306" s="6" t="s">
        <v>3274</v>
      </c>
      <c r="B1306" s="6" t="s">
        <v>828</v>
      </c>
      <c r="C1306" s="7" t="s">
        <v>1317</v>
      </c>
      <c r="D1306" s="6" t="s">
        <v>801</v>
      </c>
      <c r="E1306" s="7" t="s">
        <v>3381</v>
      </c>
    </row>
    <row r="1307" spans="1:5" s="8" customFormat="1" ht="28.5" customHeight="1" x14ac:dyDescent="0.15">
      <c r="A1307" s="6" t="s">
        <v>3274</v>
      </c>
      <c r="B1307" s="6" t="s">
        <v>829</v>
      </c>
      <c r="C1307" s="7" t="s">
        <v>3382</v>
      </c>
      <c r="D1307" s="6" t="s">
        <v>824</v>
      </c>
      <c r="E1307" s="7" t="s">
        <v>3383</v>
      </c>
    </row>
    <row r="1308" spans="1:5" s="8" customFormat="1" ht="28.5" customHeight="1" x14ac:dyDescent="0.15">
      <c r="A1308" s="6" t="s">
        <v>3274</v>
      </c>
      <c r="B1308" s="6" t="s">
        <v>830</v>
      </c>
      <c r="C1308" s="7" t="s">
        <v>1267</v>
      </c>
      <c r="D1308" s="6" t="s">
        <v>801</v>
      </c>
      <c r="E1308" s="7" t="s">
        <v>3384</v>
      </c>
    </row>
    <row r="1309" spans="1:5" s="8" customFormat="1" ht="28.5" customHeight="1" x14ac:dyDescent="0.15">
      <c r="A1309" s="6" t="s">
        <v>3274</v>
      </c>
      <c r="B1309" s="6" t="s">
        <v>3385</v>
      </c>
      <c r="C1309" s="7" t="s">
        <v>3386</v>
      </c>
      <c r="D1309" s="6" t="s">
        <v>820</v>
      </c>
      <c r="E1309" s="7" t="s">
        <v>3387</v>
      </c>
    </row>
    <row r="1310" spans="1:5" s="8" customFormat="1" ht="28.5" customHeight="1" x14ac:dyDescent="0.15">
      <c r="A1310" s="6" t="s">
        <v>3274</v>
      </c>
      <c r="B1310" s="6" t="s">
        <v>3388</v>
      </c>
      <c r="C1310" s="7" t="s">
        <v>3389</v>
      </c>
      <c r="D1310" s="6" t="s">
        <v>807</v>
      </c>
      <c r="E1310" s="7" t="s">
        <v>3390</v>
      </c>
    </row>
    <row r="1311" spans="1:5" s="8" customFormat="1" ht="28.5" customHeight="1" x14ac:dyDescent="0.15">
      <c r="A1311" s="6" t="s">
        <v>3274</v>
      </c>
      <c r="B1311" s="6" t="s">
        <v>3391</v>
      </c>
      <c r="C1311" s="7" t="s">
        <v>1870</v>
      </c>
      <c r="D1311" s="6" t="s">
        <v>806</v>
      </c>
      <c r="E1311" s="7" t="s">
        <v>3392</v>
      </c>
    </row>
    <row r="1312" spans="1:5" s="8" customFormat="1" ht="28.5" customHeight="1" x14ac:dyDescent="0.15">
      <c r="A1312" s="6" t="s">
        <v>3274</v>
      </c>
      <c r="B1312" s="6" t="s">
        <v>3393</v>
      </c>
      <c r="C1312" s="7" t="s">
        <v>3394</v>
      </c>
      <c r="D1312" s="6" t="s">
        <v>26</v>
      </c>
      <c r="E1312" s="7" t="s">
        <v>3395</v>
      </c>
    </row>
    <row r="1313" spans="1:5" s="8" customFormat="1" ht="28.5" customHeight="1" x14ac:dyDescent="0.15">
      <c r="A1313" s="6" t="s">
        <v>3274</v>
      </c>
      <c r="B1313" s="6" t="s">
        <v>3396</v>
      </c>
      <c r="C1313" s="7" t="s">
        <v>2017</v>
      </c>
      <c r="D1313" s="6" t="s">
        <v>800</v>
      </c>
      <c r="E1313" s="7" t="s">
        <v>3397</v>
      </c>
    </row>
    <row r="1314" spans="1:5" s="8" customFormat="1" ht="28.5" customHeight="1" x14ac:dyDescent="0.15">
      <c r="A1314" s="6" t="s">
        <v>3274</v>
      </c>
      <c r="B1314" s="6" t="s">
        <v>3398</v>
      </c>
      <c r="C1314" s="7" t="s">
        <v>3400</v>
      </c>
      <c r="D1314" s="6" t="s">
        <v>811</v>
      </c>
      <c r="E1314" s="7" t="s">
        <v>3399</v>
      </c>
    </row>
  </sheetData>
  <autoFilter ref="A1:E1"/>
  <phoneticPr fontId="1"/>
  <pageMargins left="0.31496062992125984" right="0.11811023622047245" top="0.74803149606299213" bottom="0.74803149606299213" header="0.31496062992125984" footer="0.31496062992125984"/>
  <pageSetup paperSize="9" orientation="portrait" r:id="rId1"/>
  <headerFooter>
    <oddHeader>&amp;L指定自立支援医療機関（薬局）（育成医療・更生医療一覧）&amp;R平成30年１月１日現在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29.1.1訪問看護</vt:lpstr>
      <vt:lpstr>H29.1.1訪問看護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島 隆三</dc:creator>
  <cp:lastModifiedBy>中島 隆三</cp:lastModifiedBy>
  <cp:lastPrinted>2018-02-02T06:58:45Z</cp:lastPrinted>
  <dcterms:created xsi:type="dcterms:W3CDTF">2017-02-02T01:41:54Z</dcterms:created>
  <dcterms:modified xsi:type="dcterms:W3CDTF">2018-02-02T07:42:50Z</dcterms:modified>
</cp:coreProperties>
</file>